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91-2024 Ablačná rádiofrekvenčná jednotka\03. Príprava\06. PTK\01. Odoslané\"/>
    </mc:Choice>
  </mc:AlternateContent>
  <bookViews>
    <workbookView xWindow="0" yWindow="0" windowWidth="23040" windowHeight="9195"/>
  </bookViews>
  <sheets>
    <sheet name="PTK - Ponuka" sheetId="8" r:id="rId1"/>
  </sheets>
  <definedNames>
    <definedName name="_xlnm.Print_Area" localSheetId="0">'PTK - Ponuka'!$A$1:$F$18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3" uniqueCount="25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5.</t>
  </si>
  <si>
    <t>6.</t>
  </si>
  <si>
    <t>7.</t>
  </si>
  <si>
    <t>8.</t>
  </si>
  <si>
    <t>9.</t>
  </si>
  <si>
    <t>10.</t>
  </si>
  <si>
    <t>11.</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mesiac</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Použivanie len originálnych náhradných dielov</t>
  </si>
  <si>
    <t>12</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11.2</t>
  </si>
  <si>
    <t>11.1</t>
  </si>
  <si>
    <t xml:space="preserve">Požadované množstvo MJ za zmluvné obdobie </t>
  </si>
  <si>
    <t>33165000-4 Kryochirurgia a kryoterapeutické prístroje</t>
  </si>
  <si>
    <t>33192340-7 Vybavenie operačných sál okrem stolov</t>
  </si>
  <si>
    <t>Pozáručný servis pre položku č. 1</t>
  </si>
  <si>
    <t>11.3</t>
  </si>
  <si>
    <t>11.4</t>
  </si>
  <si>
    <t>Položka č. 2 - Pozáručný servis pre položku č. 1</t>
  </si>
  <si>
    <r>
      <t xml:space="preserve">Poistenie prevádzkovej zodpovednosti vo výške ročnej ceny za služby
</t>
    </r>
    <r>
      <rPr>
        <i/>
        <sz val="10"/>
        <color rgb="FFFF0000"/>
        <rFont val="Arial"/>
        <family val="2"/>
        <charset val="238"/>
      </rPr>
      <t>(uchádzač v ponuke v súťaži nepredkladá, bude sa požadovať od úspešného uchádzača)</t>
    </r>
  </si>
  <si>
    <r>
      <t xml:space="preserve">Osvedčenie, certifikát alebo iný doklad, ktorým uchádzač preukáže, že servisný technik má </t>
    </r>
    <r>
      <rPr>
        <b/>
        <sz val="10"/>
        <rFont val="Arial"/>
        <family val="2"/>
        <charset val="238"/>
      </rPr>
      <t>oprávnenie vykonávať servis</t>
    </r>
    <r>
      <rPr>
        <sz val="10"/>
        <rFont val="Arial"/>
        <family val="2"/>
        <charset val="238"/>
      </rPr>
      <t xml:space="preserve"> na prístrojoch predmetu zákazky vydané výrobcom prístroja.
</t>
    </r>
    <r>
      <rPr>
        <i/>
        <sz val="10"/>
        <color rgb="FFFF0000"/>
        <rFont val="Arial"/>
        <family val="2"/>
        <charset val="238"/>
      </rPr>
      <t>(uchádzač v ponuke v súťaži nepredkladá, bude sa požadovať od úspešného uchádzača)</t>
    </r>
  </si>
  <si>
    <t>Ablačná rádiofrekvenčná jednotka</t>
  </si>
  <si>
    <t>Položka č. 1 - Ablačná rádiofrekvenčná jednotka</t>
  </si>
  <si>
    <t>11.3.1</t>
  </si>
  <si>
    <t>11.3.2</t>
  </si>
  <si>
    <t>11.5</t>
  </si>
  <si>
    <t>11.6</t>
  </si>
  <si>
    <t>12.</t>
  </si>
  <si>
    <t>12.1</t>
  </si>
  <si>
    <t>12.2</t>
  </si>
  <si>
    <t>12.3</t>
  </si>
  <si>
    <t>13.</t>
  </si>
  <si>
    <t>systém je využiteľný pre pridruženú (konkomitantnú) abláciu na otvorenom hrudníku na/alebo bez mimotelového obehu, rovnako ako na bijúcom srdci pri plne thorakoskopickom prístupe pre liečbu nepridruženej symptomatickej atriálnej fibrilácie</t>
  </si>
  <si>
    <t>aplikácia RF energie je spúšťaná nožným spínačom a signalizovaná zvukovo a vizuálne na ablačnej-snímacej jednotke</t>
  </si>
  <si>
    <t>celkovo sú na ablačnej-snímacej jednotke vizuálne indikované tieto stavy: zapnuté, pripravené, aplikácia RF energie a transmuralita</t>
  </si>
  <si>
    <t>nastavenie aj kontrola parametrov ablácie je automatické, bez nutnosti zásahu obsluhy</t>
  </si>
  <si>
    <t>pre bezpečnosť pacienta je kontrolovaná dĺžka ablácie, RF energie i teplota ablovaného tkaniva</t>
  </si>
  <si>
    <t>priebeh ablácie je možné sledovať na displeji (graf závislosti výkonu alebo vodivosti ablovaného tkaniva na čase)</t>
  </si>
  <si>
    <t>pri dosiahnutí transmurality je automaticky ukončená aplikácia RF energie (ochrana proti poškodeniu ablovaného tkaniva) a toto je signalizované zvukovo a vizuálne na ablačnej-snímacej jednotke.</t>
  </si>
  <si>
    <t>podľa charakteru atriálnej fibrilácie u daného pacienta je možný výber z portfólia nástrojov - spotrebného materiálu (všetko v bipolárnom prevedení bez externej irigácie – na tvorbu diskrétnych lézií bez postranného rozptylu energie)</t>
  </si>
  <si>
    <t>prepínacia jednotka umožňuje zapojenie systémom „plug and play“ viacerých nástrojov naraz a ich jednoduchú aktiváciu otočným prepínačom s vizuálnou indikáciou</t>
  </si>
  <si>
    <t>kompatibilita s novými nástrojmi je zaistená možnosťou upgrade riadiaceho softvéru</t>
  </si>
  <si>
    <t>Ablačný RF generátor:</t>
  </si>
  <si>
    <t>Umožňuje aplikáciu energie do bipolárnych svoriek/pera, na displeji sledovanie priebehu grafu závislosti výkonu (pero) alebo vodivosti tkaniva (svorky) na čase. Ďalej svetelne indikuje stav: zapnuté, pripravené, aplikácia energie, transmuralita. ASU využíva aj zvukové signalizácie (začiatok aplikácie energie, chyba aplikácie energie, transmuralita, chyba prístroja/nástroja, vysoká teplota).</t>
  </si>
  <si>
    <t>frekvencia: 460,8 kHz</t>
  </si>
  <si>
    <t>Maximálny výstup výkonový:</t>
  </si>
  <si>
    <t>28,5W pre bipolárne svorky (114Ω)</t>
  </si>
  <si>
    <t>30W pre bipolárne pero (47 – 200Ω)</t>
  </si>
  <si>
    <t>Maximálny výstup napäťový: 57Vrms – 77,5Vrms</t>
  </si>
  <si>
    <t>Rozmery: 32,5 cm x 34,4 cm x 15cm</t>
  </si>
  <si>
    <t>Hmotnosť: 9kg</t>
  </si>
  <si>
    <t>Prepínací box:</t>
  </si>
  <si>
    <t>Neoddeliteľná súčasť ablačného RF generátora. Umožňuje aktiváciu a prepínanie zapojených nástrojov pre abláciu, stimuláciu, vysokofrekvenčnú stimuláciu či na snímanie elektrických potenciálov.</t>
  </si>
  <si>
    <t>Rozmery: 32cm x 34cm x 15cm</t>
  </si>
  <si>
    <t>Hmotnosť: 5kg</t>
  </si>
  <si>
    <t>nožný spínač</t>
  </si>
  <si>
    <t>Požaduje sa uzatvorenie kúpnej zmluvy s pozáručným servisom.</t>
  </si>
  <si>
    <t>Požaduje sa dodanie prístroja:</t>
  </si>
  <si>
    <r>
      <rPr>
        <b/>
        <sz val="10"/>
        <rFont val="Arial"/>
        <family val="2"/>
        <charset val="238"/>
      </rPr>
      <t>do 30 kalendárnych dní</t>
    </r>
    <r>
      <rPr>
        <sz val="10"/>
        <rFont val="Arial"/>
        <family val="2"/>
        <charset val="238"/>
      </rPr>
      <t xml:space="preserve"> odo dňa nadobudnutia účinnosti zmluvy,</t>
    </r>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b/>
        <sz val="10"/>
        <rFont val="Arial"/>
        <family val="2"/>
        <charset val="238"/>
      </rPr>
      <t xml:space="preserve">24 kalendárnych mesiacov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t>
    </r>
    <r>
      <rPr>
        <b/>
        <sz val="10"/>
        <rFont val="Arial"/>
        <family val="2"/>
        <charset val="238"/>
      </rPr>
      <t>5 rokov (60 kalendárnych mesiacov)</t>
    </r>
    <r>
      <rPr>
        <sz val="10"/>
        <rFont val="Arial"/>
        <family val="2"/>
        <charset val="238"/>
      </rPr>
      <t>, pričom za začiatok tohto poskytovania sa považuje deň nasledujúci po poslednom dni záručnej doby.</t>
    </r>
  </si>
  <si>
    <t>Požaduje sa poskytovať služby pozáručného servis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r>
      <t xml:space="preserve">Dodávateľ je povinný k faktúre za dodanie prístroja priložiť kópiu preberacieho protokolu ako jej povinnú prílohu, okrem prípadov, kedy je faktúra doručená zároveň s preberacím protokolom. Povinnou súčasťou faktúry za služby pozáručnej starostlivosti,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Zmluvná cena pozáručného servisu nezahŕňa náhradné diel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2.1.</t>
  </si>
  <si>
    <t>2.2.</t>
  </si>
  <si>
    <t>2.3.</t>
  </si>
  <si>
    <t>2.4.</t>
  </si>
  <si>
    <t>2.5.</t>
  </si>
  <si>
    <t>8.1.</t>
  </si>
  <si>
    <t>8.2.</t>
  </si>
  <si>
    <t>8.3.</t>
  </si>
  <si>
    <t>8.4.</t>
  </si>
  <si>
    <t>8.5.</t>
  </si>
  <si>
    <t>8.6.</t>
  </si>
  <si>
    <t>8.7.</t>
  </si>
  <si>
    <t>8.8.</t>
  </si>
  <si>
    <t>8.9.</t>
  </si>
  <si>
    <t>8.10.</t>
  </si>
  <si>
    <t>9.1.</t>
  </si>
  <si>
    <t>10.1.</t>
  </si>
  <si>
    <t>10.2.</t>
  </si>
  <si>
    <t>11.1.</t>
  </si>
  <si>
    <t>11.2.</t>
  </si>
  <si>
    <t>14.</t>
  </si>
  <si>
    <t>15.</t>
  </si>
  <si>
    <t>16.</t>
  </si>
  <si>
    <t>17.</t>
  </si>
  <si>
    <t>17.1.</t>
  </si>
  <si>
    <t>17.2.</t>
  </si>
  <si>
    <t>18.</t>
  </si>
  <si>
    <t>19.</t>
  </si>
  <si>
    <t>20.</t>
  </si>
  <si>
    <t>21.</t>
  </si>
  <si>
    <t>22.</t>
  </si>
  <si>
    <t>23.</t>
  </si>
  <si>
    <t>24.</t>
  </si>
  <si>
    <t>25.</t>
  </si>
  <si>
    <t>26.</t>
  </si>
  <si>
    <t>27.</t>
  </si>
  <si>
    <t>27.1</t>
  </si>
  <si>
    <t>27.2</t>
  </si>
  <si>
    <t>28.</t>
  </si>
  <si>
    <t>29.</t>
  </si>
  <si>
    <t>30.</t>
  </si>
  <si>
    <t>31.</t>
  </si>
  <si>
    <t>32.</t>
  </si>
  <si>
    <t>33.</t>
  </si>
  <si>
    <t>34.</t>
  </si>
  <si>
    <t>35.</t>
  </si>
  <si>
    <t>36.</t>
  </si>
  <si>
    <t>37.</t>
  </si>
  <si>
    <t>38.</t>
  </si>
  <si>
    <t>39.</t>
  </si>
  <si>
    <t>40.</t>
  </si>
  <si>
    <t>41.</t>
  </si>
  <si>
    <t>42.</t>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r>
      <rPr>
        <b/>
        <sz val="10"/>
        <rFont val="Arial"/>
        <family val="2"/>
        <charset val="238"/>
      </rPr>
      <t>Potvrdenie o autorizovanom servise</t>
    </r>
    <r>
      <rPr>
        <sz val="10"/>
        <rFont val="Arial"/>
        <family val="2"/>
        <charset val="238"/>
      </rPr>
      <t xml:space="preserve"> vydané výrobcom ponúkaných produktov, ktorým uchádzač preukáže schopnosť vykonávať autorizovaný servis. Ak uchádzač nemá uvedené potvrdenie, predloží neoverenú kópiu zmluvy so servisnou organizáciou, ktorá požadované potvrdenie má a zároveň potvrdenie o autorizovanom servise vydané výrobcom ponúkaného produktu servisnej organizácie.</t>
    </r>
  </si>
  <si>
    <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 uchádzača</t>
    </r>
    <r>
      <rPr>
        <sz val="10"/>
        <color theme="1"/>
        <rFont val="Arial"/>
        <family val="2"/>
        <charset val="238"/>
      </rPr>
      <t xml:space="preserve"> - tzv. „Hotline", „Helpdesk", „Call centrum ..."pre potreby plnenia zmluvy</t>
    </r>
  </si>
  <si>
    <t>Systém umožňujúci aplikáciu RF energie o frekvencii 460,8 kHz do srdcového tkaniva pre tvorbu elektricky nevodivých lézií pri liečbe atriálnych fibrilácií všetkých druhov – paroxyzmálna, perzistentné aj permanentné. Súčasťou systému sú: ablačný RF generátor, prepínací box, nožný spínač
Požaduje sa jednorazové dodanie nového, nepoužívaného a nerepasovaného prístroja vrátane pozáručného servisu bez náhradných dielov v trvaní 60 mesiaco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thin">
        <color auto="1"/>
      </left>
      <right/>
      <top/>
      <bottom style="thin">
        <color auto="1"/>
      </bottom>
      <diagonal/>
    </border>
    <border>
      <left style="thin">
        <color auto="1"/>
      </left>
      <right/>
      <top/>
      <bottom style="dashed">
        <color auto="1"/>
      </bottom>
      <diagonal/>
    </border>
    <border>
      <left style="thin">
        <color auto="1"/>
      </left>
      <right/>
      <top style="dash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95">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6" borderId="10" xfId="0" applyNumberFormat="1" applyFont="1" applyFill="1" applyBorder="1" applyAlignment="1" applyProtection="1">
      <alignment horizontal="center" vertical="center" wrapText="1"/>
      <protection locked="0"/>
    </xf>
    <xf numFmtId="0" fontId="2" fillId="6" borderId="18" xfId="0" applyNumberFormat="1" applyFont="1" applyFill="1" applyBorder="1" applyAlignment="1" applyProtection="1">
      <alignment horizontal="center"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4" xfId="0" applyNumberFormat="1" applyFont="1" applyFill="1" applyBorder="1" applyAlignment="1" applyProtection="1">
      <alignment horizontal="center" vertical="center" wrapText="1"/>
    </xf>
    <xf numFmtId="49" fontId="2" fillId="0" borderId="20"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1"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49" fontId="2" fillId="6" borderId="8"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top" wrapText="1"/>
    </xf>
    <xf numFmtId="0" fontId="7" fillId="0" borderId="10" xfId="0" applyNumberFormat="1" applyFont="1" applyBorder="1" applyAlignment="1" applyProtection="1">
      <alignment horizontal="center" vertical="center" wrapText="1"/>
      <protection locked="0"/>
    </xf>
    <xf numFmtId="49" fontId="4" fillId="6" borderId="10" xfId="0" applyNumberFormat="1" applyFont="1" applyFill="1" applyBorder="1" applyAlignment="1" applyProtection="1">
      <alignment horizontal="left" vertical="center" wrapText="1"/>
    </xf>
    <xf numFmtId="0" fontId="2" fillId="0" borderId="21" xfId="0" applyNumberFormat="1" applyFont="1" applyBorder="1" applyAlignment="1" applyProtection="1">
      <alignment horizontal="center" vertical="center" wrapText="1"/>
      <protection locked="0"/>
    </xf>
    <xf numFmtId="49" fontId="2" fillId="0" borderId="8" xfId="0" applyNumberFormat="1" applyFont="1" applyBorder="1" applyAlignment="1" applyProtection="1">
      <alignment horizontal="center" vertical="center"/>
    </xf>
    <xf numFmtId="49" fontId="2" fillId="0" borderId="11" xfId="0" applyNumberFormat="1" applyFont="1" applyBorder="1" applyAlignment="1" applyProtection="1">
      <alignment horizontal="center" vertical="center"/>
    </xf>
    <xf numFmtId="49" fontId="2" fillId="2" borderId="44" xfId="0" applyNumberFormat="1" applyFont="1" applyFill="1" applyBorder="1" applyAlignment="1" applyProtection="1">
      <alignment horizontal="center" vertical="center" wrapText="1"/>
      <protection locked="0"/>
    </xf>
    <xf numFmtId="49" fontId="4" fillId="6" borderId="18" xfId="0" applyNumberFormat="1" applyFont="1" applyFill="1" applyBorder="1" applyAlignment="1" applyProtection="1">
      <alignment horizontal="left" vertical="center" wrapText="1"/>
    </xf>
    <xf numFmtId="49" fontId="4" fillId="2" borderId="44" xfId="0" applyNumberFormat="1" applyFont="1" applyFill="1" applyBorder="1" applyAlignment="1" applyProtection="1">
      <alignment horizontal="center" vertical="center" wrapText="1"/>
      <protection locked="0"/>
    </xf>
    <xf numFmtId="16" fontId="4" fillId="0" borderId="0" xfId="0" applyNumberFormat="1" applyFont="1" applyFill="1" applyAlignment="1" applyProtection="1">
      <alignment horizontal="left" vertical="top"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10" xfId="0" applyNumberFormat="1" applyFont="1" applyBorder="1" applyAlignment="1" applyProtection="1">
      <alignment horizontal="center" vertical="center"/>
    </xf>
    <xf numFmtId="49" fontId="4" fillId="0" borderId="10" xfId="0" applyNumberFormat="1" applyFont="1" applyFill="1" applyBorder="1" applyAlignment="1" applyProtection="1">
      <alignment horizontal="left" vertical="center" wrapText="1"/>
    </xf>
    <xf numFmtId="49" fontId="2" fillId="0" borderId="10" xfId="0" applyNumberFormat="1" applyFont="1" applyBorder="1" applyAlignment="1" applyProtection="1">
      <alignment horizontal="right" vertical="center"/>
    </xf>
    <xf numFmtId="49" fontId="4" fillId="0" borderId="5" xfId="0" applyNumberFormat="1" applyFont="1" applyFill="1" applyBorder="1" applyAlignment="1" applyProtection="1">
      <alignment horizontal="left" vertical="center" wrapText="1"/>
    </xf>
    <xf numFmtId="49" fontId="2" fillId="6" borderId="10" xfId="0" applyNumberFormat="1" applyFont="1" applyFill="1" applyBorder="1" applyAlignment="1" applyProtection="1">
      <alignment horizontal="center" vertical="center"/>
    </xf>
    <xf numFmtId="49" fontId="4" fillId="0" borderId="18" xfId="0" applyNumberFormat="1" applyFont="1" applyFill="1" applyBorder="1" applyAlignment="1" applyProtection="1">
      <alignment horizontal="left" vertical="center" wrapText="1"/>
    </xf>
    <xf numFmtId="49" fontId="2" fillId="0" borderId="20" xfId="0" applyNumberFormat="1" applyFont="1" applyBorder="1" applyAlignment="1" applyProtection="1">
      <alignment horizontal="center" vertical="center" wrapText="1"/>
    </xf>
    <xf numFmtId="0" fontId="4" fillId="0" borderId="47" xfId="0" applyFont="1" applyBorder="1" applyAlignment="1" applyProtection="1">
      <alignment vertical="center" wrapText="1"/>
    </xf>
    <xf numFmtId="0" fontId="4" fillId="0" borderId="5" xfId="0" applyFont="1" applyBorder="1" applyAlignment="1" applyProtection="1">
      <alignment vertical="center" wrapText="1"/>
    </xf>
    <xf numFmtId="49" fontId="2" fillId="6" borderId="33" xfId="0" applyNumberFormat="1" applyFont="1" applyFill="1" applyBorder="1" applyAlignment="1" applyProtection="1">
      <alignment horizontal="right" vertical="center" wrapText="1"/>
    </xf>
    <xf numFmtId="0" fontId="4" fillId="6" borderId="30" xfId="0" applyFont="1" applyFill="1" applyBorder="1" applyAlignment="1" applyProtection="1">
      <alignment vertical="center" wrapText="1"/>
    </xf>
    <xf numFmtId="49" fontId="2" fillId="6" borderId="34" xfId="0" applyNumberFormat="1" applyFont="1" applyFill="1" applyBorder="1" applyAlignment="1" applyProtection="1">
      <alignment horizontal="right" vertical="center" wrapText="1"/>
    </xf>
    <xf numFmtId="0" fontId="4" fillId="6" borderId="31" xfId="0" applyFont="1" applyFill="1" applyBorder="1" applyAlignment="1" applyProtection="1">
      <alignment vertical="center" wrapText="1"/>
    </xf>
    <xf numFmtId="49" fontId="2" fillId="6" borderId="35" xfId="0" applyNumberFormat="1" applyFont="1" applyFill="1" applyBorder="1" applyAlignment="1" applyProtection="1">
      <alignment horizontal="right" vertical="center" wrapText="1"/>
    </xf>
    <xf numFmtId="0" fontId="4" fillId="6" borderId="32" xfId="0" applyFont="1" applyFill="1" applyBorder="1" applyAlignment="1" applyProtection="1">
      <alignment vertical="center" wrapText="1"/>
    </xf>
    <xf numFmtId="49" fontId="2" fillId="6" borderId="24" xfId="0" applyNumberFormat="1" applyFont="1" applyFill="1" applyBorder="1" applyAlignment="1" applyProtection="1">
      <alignment horizontal="center" vertical="center" wrapText="1"/>
    </xf>
    <xf numFmtId="49" fontId="2" fillId="0" borderId="27" xfId="0" applyNumberFormat="1" applyFont="1" applyFill="1" applyBorder="1" applyAlignment="1" applyProtection="1">
      <alignment horizontal="center" vertical="center" wrapText="1"/>
    </xf>
    <xf numFmtId="0" fontId="4" fillId="0" borderId="30" xfId="0" applyFont="1" applyBorder="1" applyAlignment="1" applyProtection="1">
      <alignment vertical="center" wrapText="1"/>
    </xf>
    <xf numFmtId="49" fontId="2" fillId="0" borderId="28" xfId="0" applyNumberFormat="1" applyFont="1" applyFill="1" applyBorder="1" applyAlignment="1" applyProtection="1">
      <alignment horizontal="right" vertical="center" wrapText="1"/>
    </xf>
    <xf numFmtId="49" fontId="2" fillId="0" borderId="29" xfId="0" applyNumberFormat="1" applyFont="1" applyFill="1" applyBorder="1" applyAlignment="1" applyProtection="1">
      <alignment horizontal="right" vertical="center" wrapText="1"/>
    </xf>
    <xf numFmtId="0" fontId="4" fillId="0" borderId="32" xfId="0" applyFont="1" applyBorder="1" applyAlignment="1" applyProtection="1">
      <alignment vertical="center" wrapText="1"/>
    </xf>
    <xf numFmtId="49" fontId="2" fillId="6" borderId="27" xfId="0" applyNumberFormat="1" applyFont="1" applyFill="1" applyBorder="1" applyAlignment="1" applyProtection="1">
      <alignment horizontal="center" vertical="center" wrapText="1"/>
    </xf>
    <xf numFmtId="49" fontId="2" fillId="6" borderId="29" xfId="0" applyNumberFormat="1" applyFont="1" applyFill="1" applyBorder="1" applyAlignment="1" applyProtection="1">
      <alignment horizontal="right" vertical="center" wrapText="1"/>
    </xf>
    <xf numFmtId="0" fontId="4" fillId="0" borderId="31" xfId="0" applyFont="1" applyBorder="1" applyAlignment="1" applyProtection="1">
      <alignment vertical="center" wrapText="1"/>
    </xf>
    <xf numFmtId="0" fontId="4" fillId="6" borderId="5" xfId="0" applyFont="1" applyFill="1" applyBorder="1" applyAlignment="1" applyProtection="1">
      <alignment vertical="center" wrapText="1"/>
    </xf>
    <xf numFmtId="0" fontId="4" fillId="6" borderId="48" xfId="0" applyFont="1" applyFill="1" applyBorder="1" applyAlignment="1" applyProtection="1">
      <alignment vertical="center" wrapText="1"/>
    </xf>
    <xf numFmtId="0" fontId="4" fillId="6" borderId="49" xfId="0" applyFont="1" applyFill="1" applyBorder="1" applyAlignment="1" applyProtection="1">
      <alignment vertical="center" wrapText="1"/>
    </xf>
    <xf numFmtId="49" fontId="2" fillId="0" borderId="29" xfId="0" applyNumberFormat="1" applyFont="1" applyFill="1" applyBorder="1" applyAlignment="1" applyProtection="1">
      <alignment horizontal="center" vertical="center" wrapText="1"/>
    </xf>
    <xf numFmtId="0" fontId="4" fillId="6" borderId="11" xfId="0" applyFont="1" applyFill="1" applyBorder="1" applyAlignment="1" applyProtection="1">
      <alignment horizontal="center" vertical="center" wrapText="1"/>
    </xf>
    <xf numFmtId="0" fontId="4" fillId="6" borderId="23" xfId="0" applyFont="1" applyFill="1" applyBorder="1" applyAlignment="1" applyProtection="1">
      <alignment vertical="center" wrapText="1"/>
    </xf>
    <xf numFmtId="0" fontId="2" fillId="6" borderId="10" xfId="0" applyFont="1" applyFill="1" applyBorder="1" applyAlignment="1" applyProtection="1">
      <alignment horizontal="left" vertical="center" wrapText="1"/>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42"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49" fontId="2" fillId="6" borderId="5" xfId="0" applyNumberFormat="1" applyFont="1" applyFill="1" applyBorder="1" applyAlignment="1" applyProtection="1">
      <alignment horizontal="left" vertical="center" wrapText="1"/>
      <protection locked="0"/>
    </xf>
    <xf numFmtId="49" fontId="2" fillId="6" borderId="25" xfId="0" applyNumberFormat="1" applyFont="1" applyFill="1" applyBorder="1" applyAlignment="1" applyProtection="1">
      <alignment horizontal="left" vertical="center" wrapText="1"/>
      <protection locked="0"/>
    </xf>
    <xf numFmtId="49" fontId="2" fillId="6" borderId="10" xfId="0" applyNumberFormat="1"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left" vertical="center" wrapText="1"/>
      <protection locked="0"/>
    </xf>
    <xf numFmtId="0" fontId="2" fillId="0" borderId="36" xfId="0" applyFont="1" applyFill="1" applyBorder="1" applyAlignment="1" applyProtection="1">
      <alignment horizontal="left" vertical="center" wrapText="1"/>
      <protection locked="0"/>
    </xf>
    <xf numFmtId="0" fontId="2" fillId="0" borderId="37"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16" fontId="4" fillId="0" borderId="0" xfId="0" applyNumberFormat="1" applyFont="1" applyFill="1" applyAlignment="1" applyProtection="1">
      <alignment horizontal="left" vertical="top" wrapText="1"/>
      <protection locked="0"/>
    </xf>
    <xf numFmtId="49" fontId="4" fillId="2" borderId="45" xfId="0" applyNumberFormat="1" applyFont="1" applyFill="1" applyBorder="1" applyAlignment="1" applyProtection="1">
      <alignment horizontal="center" vertical="center" wrapText="1"/>
      <protection locked="0"/>
    </xf>
    <xf numFmtId="49" fontId="4" fillId="2" borderId="46" xfId="0" applyNumberFormat="1" applyFont="1" applyFill="1" applyBorder="1" applyAlignment="1" applyProtection="1">
      <alignment horizontal="center"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49" fontId="2" fillId="6" borderId="18" xfId="0" applyNumberFormat="1" applyFont="1" applyFill="1" applyBorder="1" applyAlignment="1" applyProtection="1">
      <alignment horizontal="left" vertical="center" wrapText="1"/>
      <protection locked="0"/>
    </xf>
    <xf numFmtId="49" fontId="2" fillId="6" borderId="19"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41" xfId="0" applyNumberFormat="1" applyFont="1" applyFill="1" applyBorder="1" applyAlignment="1" applyProtection="1">
      <alignment horizontal="left" vertical="top" wrapText="1"/>
      <protection locked="0"/>
    </xf>
    <xf numFmtId="49" fontId="3" fillId="2" borderId="42" xfId="0" applyNumberFormat="1" applyFont="1" applyFill="1" applyBorder="1" applyAlignment="1" applyProtection="1">
      <alignment horizontal="left" vertical="top" wrapText="1"/>
      <protection locked="0"/>
    </xf>
    <xf numFmtId="49" fontId="3" fillId="2" borderId="43" xfId="0" applyNumberFormat="1" applyFont="1" applyFill="1" applyBorder="1" applyAlignment="1" applyProtection="1">
      <alignment horizontal="left" vertical="top" wrapText="1"/>
      <protection locked="0"/>
    </xf>
    <xf numFmtId="0" fontId="3" fillId="2" borderId="38" xfId="0" applyFont="1" applyFill="1" applyBorder="1" applyAlignment="1" applyProtection="1">
      <alignment horizontal="center" vertical="top" wrapText="1"/>
      <protection locked="0"/>
    </xf>
    <xf numFmtId="0" fontId="3" fillId="2" borderId="39" xfId="0" applyFont="1" applyFill="1" applyBorder="1" applyAlignment="1" applyProtection="1">
      <alignment horizontal="center" vertical="top" wrapText="1"/>
      <protection locked="0"/>
    </xf>
    <xf numFmtId="0" fontId="3" fillId="2" borderId="40" xfId="0" applyFont="1" applyFill="1" applyBorder="1" applyAlignment="1" applyProtection="1">
      <alignment horizontal="center" vertical="top" wrapText="1"/>
      <protection locked="0"/>
    </xf>
    <xf numFmtId="49" fontId="2" fillId="2" borderId="45" xfId="0" applyNumberFormat="1" applyFont="1" applyFill="1" applyBorder="1" applyAlignment="1" applyProtection="1">
      <alignment horizontal="center" vertical="center" wrapText="1"/>
      <protection locked="0"/>
    </xf>
    <xf numFmtId="49" fontId="2" fillId="2" borderId="46"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5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97"/>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45" t="s">
        <v>43</v>
      </c>
      <c r="C1" s="145"/>
      <c r="D1" s="145"/>
      <c r="E1" s="145"/>
      <c r="F1" s="145"/>
    </row>
    <row r="2" spans="2:6" s="12" customFormat="1" ht="27.75" customHeight="1" x14ac:dyDescent="0.2">
      <c r="B2" s="144" t="s">
        <v>41</v>
      </c>
      <c r="C2" s="144"/>
      <c r="D2" s="144"/>
      <c r="E2" s="144"/>
      <c r="F2" s="144"/>
    </row>
    <row r="3" spans="2:6" s="12" customFormat="1" ht="54.75" customHeight="1" x14ac:dyDescent="0.2">
      <c r="B3" s="150" t="s">
        <v>46</v>
      </c>
      <c r="C3" s="150"/>
      <c r="D3" s="150"/>
      <c r="E3" s="150"/>
      <c r="F3" s="150"/>
    </row>
    <row r="4" spans="2:6" ht="24.95" customHeight="1" x14ac:dyDescent="0.2">
      <c r="B4" s="13" t="s">
        <v>45</v>
      </c>
      <c r="C4" s="14"/>
      <c r="D4" s="83"/>
      <c r="E4" s="83"/>
      <c r="F4" s="83"/>
    </row>
    <row r="5" spans="2:6" ht="24.95" customHeight="1" x14ac:dyDescent="0.2">
      <c r="B5" s="13" t="s">
        <v>44</v>
      </c>
      <c r="C5" s="15"/>
      <c r="D5" s="83"/>
      <c r="E5" s="83"/>
      <c r="F5" s="83"/>
    </row>
    <row r="6" spans="2:6" ht="5.0999999999999996" customHeight="1" x14ac:dyDescent="0.2">
      <c r="B6" s="83"/>
      <c r="C6" s="83"/>
      <c r="D6" s="83"/>
      <c r="E6" s="83"/>
      <c r="F6" s="83"/>
    </row>
    <row r="7" spans="2:6" s="16" customFormat="1" ht="20.100000000000001" customHeight="1" x14ac:dyDescent="0.25">
      <c r="B7" s="126" t="s">
        <v>5</v>
      </c>
      <c r="C7" s="126"/>
      <c r="D7" s="126"/>
      <c r="E7" s="126"/>
      <c r="F7" s="126"/>
    </row>
    <row r="8" spans="2:6" s="16" customFormat="1" ht="20.100000000000001" customHeight="1" x14ac:dyDescent="0.25">
      <c r="B8" s="151" t="s">
        <v>9</v>
      </c>
      <c r="C8" s="151"/>
      <c r="D8" s="151"/>
      <c r="E8" s="151"/>
      <c r="F8" s="151"/>
    </row>
    <row r="9" spans="2:6" ht="28.5" customHeight="1" x14ac:dyDescent="0.2">
      <c r="B9" s="152" t="s">
        <v>99</v>
      </c>
      <c r="C9" s="152"/>
      <c r="D9" s="152"/>
      <c r="E9" s="152"/>
      <c r="F9" s="152"/>
    </row>
    <row r="10" spans="2:6" ht="4.5" customHeight="1" x14ac:dyDescent="0.2">
      <c r="B10" s="17"/>
      <c r="C10" s="17"/>
      <c r="D10" s="17"/>
      <c r="E10" s="17"/>
      <c r="F10" s="17"/>
    </row>
    <row r="11" spans="2:6" s="16" customFormat="1" ht="20.100000000000001" customHeight="1" x14ac:dyDescent="0.25">
      <c r="B11" s="153" t="s">
        <v>10</v>
      </c>
      <c r="C11" s="153"/>
      <c r="D11" s="153"/>
      <c r="E11" s="153"/>
      <c r="F11" s="153"/>
    </row>
    <row r="12" spans="2:6" s="16" customFormat="1" ht="20.100000000000001" customHeight="1" x14ac:dyDescent="0.25">
      <c r="B12" s="157" t="s">
        <v>91</v>
      </c>
      <c r="C12" s="157"/>
      <c r="D12" s="80"/>
      <c r="E12" s="85"/>
      <c r="F12" s="85"/>
    </row>
    <row r="13" spans="2:6" s="16" customFormat="1" ht="20.100000000000001" customHeight="1" x14ac:dyDescent="0.25">
      <c r="B13" s="157" t="s">
        <v>92</v>
      </c>
      <c r="C13" s="157"/>
      <c r="D13" s="80"/>
      <c r="E13" s="85"/>
      <c r="F13" s="85"/>
    </row>
    <row r="14" spans="2:6" s="19" customFormat="1" ht="20.100000000000001" customHeight="1" x14ac:dyDescent="0.25">
      <c r="B14" s="154" t="s">
        <v>68</v>
      </c>
      <c r="C14" s="154"/>
      <c r="D14" s="86"/>
      <c r="E14" s="18"/>
      <c r="F14" s="18"/>
    </row>
    <row r="15" spans="2:6" s="19" customFormat="1" ht="20.100000000000001" customHeight="1" x14ac:dyDescent="0.25">
      <c r="B15" s="154" t="s">
        <v>67</v>
      </c>
      <c r="C15" s="154"/>
      <c r="D15" s="154"/>
      <c r="E15" s="18"/>
      <c r="F15" s="18"/>
    </row>
    <row r="16" spans="2:6" ht="4.5" customHeight="1" x14ac:dyDescent="0.2">
      <c r="B16" s="84"/>
      <c r="C16" s="84"/>
      <c r="D16" s="84"/>
      <c r="E16" s="17"/>
      <c r="F16" s="17"/>
    </row>
    <row r="17" spans="2:6" ht="20.100000000000001" customHeight="1" x14ac:dyDescent="0.2">
      <c r="B17" s="20" t="s">
        <v>11</v>
      </c>
      <c r="C17" s="21"/>
      <c r="D17" s="21"/>
      <c r="E17" s="22"/>
      <c r="F17" s="22"/>
    </row>
    <row r="18" spans="2:6" s="25" customFormat="1" ht="24.95" customHeight="1" x14ac:dyDescent="0.25">
      <c r="B18" s="148" t="s">
        <v>53</v>
      </c>
      <c r="C18" s="148"/>
      <c r="D18" s="148"/>
      <c r="E18" s="23"/>
      <c r="F18" s="24"/>
    </row>
    <row r="19" spans="2:6" ht="5.0999999999999996" customHeight="1" x14ac:dyDescent="0.2">
      <c r="B19" s="149"/>
      <c r="C19" s="149"/>
      <c r="D19" s="149"/>
      <c r="F19" s="27"/>
    </row>
    <row r="20" spans="2:6" s="16" customFormat="1" ht="20.100000000000001" customHeight="1" x14ac:dyDescent="0.25">
      <c r="B20" s="126" t="s">
        <v>23</v>
      </c>
      <c r="C20" s="126"/>
      <c r="D20" s="126"/>
      <c r="E20" s="126"/>
      <c r="F20" s="126"/>
    </row>
    <row r="21" spans="2:6" ht="67.5" customHeight="1" x14ac:dyDescent="0.2">
      <c r="B21" s="155" t="s">
        <v>257</v>
      </c>
      <c r="C21" s="155"/>
      <c r="D21" s="155"/>
      <c r="E21" s="155"/>
      <c r="F21" s="155"/>
    </row>
    <row r="22" spans="2:6" ht="5.0999999999999996" customHeight="1" x14ac:dyDescent="0.2">
      <c r="B22" s="149"/>
      <c r="C22" s="149"/>
      <c r="D22" s="149"/>
      <c r="F22" s="27"/>
    </row>
    <row r="23" spans="2:6" s="16" customFormat="1" ht="20.100000000000001" customHeight="1" x14ac:dyDescent="0.25">
      <c r="B23" s="126" t="s">
        <v>24</v>
      </c>
      <c r="C23" s="126"/>
      <c r="D23" s="126"/>
      <c r="E23" s="126"/>
      <c r="F23" s="126"/>
    </row>
    <row r="24" spans="2:6" s="28" customFormat="1" ht="20.100000000000001" customHeight="1" x14ac:dyDescent="0.25">
      <c r="B24" s="156" t="s">
        <v>6</v>
      </c>
      <c r="C24" s="156"/>
      <c r="D24" s="156"/>
      <c r="E24" s="156"/>
      <c r="F24" s="156"/>
    </row>
    <row r="25" spans="2:6" s="28" customFormat="1" ht="20.100000000000001" customHeight="1" x14ac:dyDescent="0.25">
      <c r="B25" s="146" t="s">
        <v>17</v>
      </c>
      <c r="C25" s="147"/>
      <c r="D25" s="87"/>
      <c r="E25" s="87"/>
      <c r="F25" s="87"/>
    </row>
    <row r="26" spans="2:6" s="28" customFormat="1" ht="20.100000000000001" customHeight="1" x14ac:dyDescent="0.25">
      <c r="B26" s="29"/>
      <c r="C26" s="29" t="s">
        <v>21</v>
      </c>
      <c r="D26" s="87"/>
      <c r="E26" s="87"/>
      <c r="F26" s="87"/>
    </row>
    <row r="27" spans="2:6" s="28" customFormat="1" ht="20.100000000000001" customHeight="1" x14ac:dyDescent="0.25">
      <c r="B27" s="29"/>
      <c r="C27" s="29" t="s">
        <v>22</v>
      </c>
      <c r="D27" s="87"/>
      <c r="E27" s="87"/>
      <c r="F27" s="87"/>
    </row>
    <row r="28" spans="2:6" s="28" customFormat="1" ht="20.100000000000001" customHeight="1" x14ac:dyDescent="0.25">
      <c r="B28" s="146" t="s">
        <v>18</v>
      </c>
      <c r="C28" s="147"/>
      <c r="D28" s="87"/>
      <c r="E28" s="87"/>
      <c r="F28" s="87"/>
    </row>
    <row r="29" spans="2:6" s="28" customFormat="1" ht="39" customHeight="1" x14ac:dyDescent="0.25">
      <c r="B29" s="30" t="s">
        <v>19</v>
      </c>
      <c r="C29" s="122" t="s">
        <v>13</v>
      </c>
      <c r="D29" s="123"/>
      <c r="E29" s="31" t="s">
        <v>12</v>
      </c>
      <c r="F29" s="31" t="s">
        <v>90</v>
      </c>
    </row>
    <row r="30" spans="2:6" s="28" customFormat="1" ht="24.95" customHeight="1" x14ac:dyDescent="0.25">
      <c r="B30" s="32" t="s">
        <v>2</v>
      </c>
      <c r="C30" s="120" t="s">
        <v>99</v>
      </c>
      <c r="D30" s="121"/>
      <c r="E30" s="33" t="s">
        <v>1</v>
      </c>
      <c r="F30" s="34">
        <v>1</v>
      </c>
    </row>
    <row r="31" spans="2:6" s="28" customFormat="1" ht="24.95" customHeight="1" x14ac:dyDescent="0.25">
      <c r="B31" s="35" t="s">
        <v>69</v>
      </c>
      <c r="C31" s="124" t="s">
        <v>93</v>
      </c>
      <c r="D31" s="125"/>
      <c r="E31" s="36" t="s">
        <v>70</v>
      </c>
      <c r="F31" s="37">
        <v>60</v>
      </c>
    </row>
    <row r="32" spans="2:6" s="28" customFormat="1" ht="4.5" customHeight="1" x14ac:dyDescent="0.25">
      <c r="B32" s="87"/>
      <c r="C32" s="87"/>
      <c r="D32" s="87"/>
      <c r="E32" s="87"/>
      <c r="F32" s="87"/>
    </row>
    <row r="33" spans="2:7" s="28" customFormat="1" ht="20.100000000000001" customHeight="1" x14ac:dyDescent="0.25">
      <c r="B33" s="146" t="s">
        <v>20</v>
      </c>
      <c r="C33" s="147"/>
      <c r="D33" s="87"/>
      <c r="E33" s="87"/>
      <c r="F33" s="87"/>
    </row>
    <row r="34" spans="2:7" s="28" customFormat="1" ht="20.100000000000001" customHeight="1" x14ac:dyDescent="0.2">
      <c r="B34" s="12"/>
      <c r="C34" s="28" t="s">
        <v>3</v>
      </c>
      <c r="D34" s="87"/>
      <c r="E34" s="87"/>
      <c r="F34" s="87"/>
    </row>
    <row r="35" spans="2:7" s="28" customFormat="1" ht="20.100000000000001" customHeight="1" x14ac:dyDescent="0.25">
      <c r="B35" s="29"/>
      <c r="C35" s="16" t="s">
        <v>4</v>
      </c>
      <c r="D35" s="87"/>
      <c r="E35" s="87"/>
      <c r="F35" s="87"/>
    </row>
    <row r="36" spans="2:7" ht="5.0999999999999996" customHeight="1" x14ac:dyDescent="0.2"/>
    <row r="37" spans="2:7" s="16" customFormat="1" ht="20.100000000000001" customHeight="1" x14ac:dyDescent="0.25">
      <c r="B37" s="126" t="s">
        <v>25</v>
      </c>
      <c r="C37" s="126"/>
      <c r="D37" s="126"/>
      <c r="E37" s="126"/>
      <c r="F37" s="126"/>
    </row>
    <row r="38" spans="2:7" s="16" customFormat="1" ht="5.0999999999999996" customHeight="1" thickBot="1" x14ac:dyDescent="0.3">
      <c r="B38" s="27"/>
      <c r="D38" s="38"/>
      <c r="E38" s="38"/>
      <c r="F38" s="38"/>
    </row>
    <row r="39" spans="2:7" s="25" customFormat="1" ht="93" customHeight="1" x14ac:dyDescent="0.25">
      <c r="B39" s="127" t="s">
        <v>0</v>
      </c>
      <c r="C39" s="128"/>
      <c r="D39" s="131" t="s">
        <v>54</v>
      </c>
      <c r="E39" s="132"/>
      <c r="F39" s="133"/>
      <c r="G39" s="39"/>
    </row>
    <row r="40" spans="2:7" s="25" customFormat="1" ht="30" customHeight="1" thickBot="1" x14ac:dyDescent="0.3">
      <c r="B40" s="129"/>
      <c r="C40" s="130"/>
      <c r="D40" s="79" t="s">
        <v>26</v>
      </c>
      <c r="E40" s="158" t="s">
        <v>27</v>
      </c>
      <c r="F40" s="159"/>
    </row>
    <row r="41" spans="2:7" s="41" customFormat="1" ht="30.75" customHeight="1" x14ac:dyDescent="0.25">
      <c r="B41" s="160" t="s">
        <v>100</v>
      </c>
      <c r="C41" s="161"/>
      <c r="D41" s="161"/>
      <c r="E41" s="161"/>
      <c r="F41" s="162"/>
    </row>
    <row r="42" spans="2:7" s="43" customFormat="1" ht="64.5" customHeight="1" x14ac:dyDescent="0.25">
      <c r="B42" s="89" t="s">
        <v>15</v>
      </c>
      <c r="C42" s="90" t="s">
        <v>110</v>
      </c>
      <c r="D42" s="42"/>
      <c r="E42" s="134"/>
      <c r="F42" s="135"/>
    </row>
    <row r="43" spans="2:7" s="43" customFormat="1" ht="29.25" customHeight="1" x14ac:dyDescent="0.25">
      <c r="B43" s="89" t="s">
        <v>50</v>
      </c>
      <c r="C43" s="90" t="s">
        <v>111</v>
      </c>
      <c r="D43" s="42"/>
      <c r="E43" s="134"/>
      <c r="F43" s="135"/>
    </row>
    <row r="44" spans="2:7" s="43" customFormat="1" ht="31.5" customHeight="1" x14ac:dyDescent="0.25">
      <c r="B44" s="89" t="s">
        <v>51</v>
      </c>
      <c r="C44" s="90" t="s">
        <v>112</v>
      </c>
      <c r="D44" s="42"/>
      <c r="E44" s="134"/>
      <c r="F44" s="135"/>
    </row>
    <row r="45" spans="2:7" s="43" customFormat="1" ht="34.5" customHeight="1" x14ac:dyDescent="0.25">
      <c r="B45" s="89" t="s">
        <v>52</v>
      </c>
      <c r="C45" s="90" t="s">
        <v>113</v>
      </c>
      <c r="D45" s="42"/>
      <c r="E45" s="134"/>
      <c r="F45" s="135"/>
    </row>
    <row r="46" spans="2:7" s="43" customFormat="1" ht="39.75" customHeight="1" x14ac:dyDescent="0.25">
      <c r="B46" s="89" t="s">
        <v>58</v>
      </c>
      <c r="C46" s="90" t="s">
        <v>114</v>
      </c>
      <c r="D46" s="42"/>
      <c r="E46" s="134"/>
      <c r="F46" s="135"/>
    </row>
    <row r="47" spans="2:7" s="43" customFormat="1" ht="30" customHeight="1" x14ac:dyDescent="0.25">
      <c r="B47" s="89" t="s">
        <v>59</v>
      </c>
      <c r="C47" s="90" t="s">
        <v>115</v>
      </c>
      <c r="D47" s="42"/>
      <c r="E47" s="134"/>
      <c r="F47" s="135"/>
    </row>
    <row r="48" spans="2:7" s="43" customFormat="1" ht="49.5" customHeight="1" x14ac:dyDescent="0.25">
      <c r="B48" s="89" t="s">
        <v>60</v>
      </c>
      <c r="C48" s="90" t="s">
        <v>116</v>
      </c>
      <c r="D48" s="42"/>
      <c r="E48" s="134"/>
      <c r="F48" s="135"/>
    </row>
    <row r="49" spans="2:6" s="43" customFormat="1" ht="54.75" customHeight="1" x14ac:dyDescent="0.25">
      <c r="B49" s="89" t="s">
        <v>61</v>
      </c>
      <c r="C49" s="90" t="s">
        <v>117</v>
      </c>
      <c r="D49" s="42"/>
      <c r="E49" s="134"/>
      <c r="F49" s="135"/>
    </row>
    <row r="50" spans="2:6" s="43" customFormat="1" ht="52.5" customHeight="1" x14ac:dyDescent="0.25">
      <c r="B50" s="89" t="s">
        <v>62</v>
      </c>
      <c r="C50" s="90" t="s">
        <v>118</v>
      </c>
      <c r="D50" s="42"/>
      <c r="E50" s="134"/>
      <c r="F50" s="135"/>
    </row>
    <row r="51" spans="2:6" s="43" customFormat="1" ht="33.75" customHeight="1" x14ac:dyDescent="0.25">
      <c r="B51" s="89" t="s">
        <v>63</v>
      </c>
      <c r="C51" s="90" t="s">
        <v>119</v>
      </c>
      <c r="D51" s="42"/>
      <c r="E51" s="134"/>
      <c r="F51" s="135"/>
    </row>
    <row r="52" spans="2:6" s="43" customFormat="1" ht="31.5" customHeight="1" x14ac:dyDescent="0.25">
      <c r="B52" s="89" t="s">
        <v>64</v>
      </c>
      <c r="C52" s="90" t="s">
        <v>120</v>
      </c>
      <c r="D52" s="42"/>
      <c r="E52" s="134"/>
      <c r="F52" s="135"/>
    </row>
    <row r="53" spans="2:6" s="43" customFormat="1" ht="78" customHeight="1" x14ac:dyDescent="0.25">
      <c r="B53" s="91" t="s">
        <v>89</v>
      </c>
      <c r="C53" s="90" t="s">
        <v>121</v>
      </c>
      <c r="D53" s="42"/>
      <c r="E53" s="134"/>
      <c r="F53" s="135"/>
    </row>
    <row r="54" spans="2:6" s="43" customFormat="1" ht="39.75" customHeight="1" x14ac:dyDescent="0.25">
      <c r="B54" s="91" t="s">
        <v>88</v>
      </c>
      <c r="C54" s="90" t="s">
        <v>122</v>
      </c>
      <c r="D54" s="42"/>
      <c r="E54" s="134"/>
      <c r="F54" s="135"/>
    </row>
    <row r="55" spans="2:6" s="43" customFormat="1" ht="30" customHeight="1" x14ac:dyDescent="0.25">
      <c r="B55" s="91" t="s">
        <v>94</v>
      </c>
      <c r="C55" s="92" t="s">
        <v>123</v>
      </c>
      <c r="D55" s="42"/>
      <c r="E55" s="134"/>
      <c r="F55" s="135"/>
    </row>
    <row r="56" spans="2:6" s="43" customFormat="1" ht="49.5" customHeight="1" x14ac:dyDescent="0.25">
      <c r="B56" s="91" t="s">
        <v>101</v>
      </c>
      <c r="C56" s="92" t="s">
        <v>124</v>
      </c>
      <c r="D56" s="42"/>
      <c r="E56" s="134"/>
      <c r="F56" s="135"/>
    </row>
    <row r="57" spans="2:6" s="43" customFormat="1" ht="27.75" customHeight="1" x14ac:dyDescent="0.25">
      <c r="B57" s="91" t="s">
        <v>102</v>
      </c>
      <c r="C57" s="92" t="s">
        <v>125</v>
      </c>
      <c r="D57" s="42"/>
      <c r="E57" s="134"/>
      <c r="F57" s="135"/>
    </row>
    <row r="58" spans="2:6" s="43" customFormat="1" ht="31.5" customHeight="1" x14ac:dyDescent="0.25">
      <c r="B58" s="91" t="s">
        <v>95</v>
      </c>
      <c r="C58" s="92" t="s">
        <v>126</v>
      </c>
      <c r="D58" s="42"/>
      <c r="E58" s="134"/>
      <c r="F58" s="135"/>
    </row>
    <row r="59" spans="2:6" s="43" customFormat="1" ht="35.25" customHeight="1" x14ac:dyDescent="0.25">
      <c r="B59" s="91" t="s">
        <v>103</v>
      </c>
      <c r="C59" s="92" t="s">
        <v>127</v>
      </c>
      <c r="D59" s="42"/>
      <c r="E59" s="134"/>
      <c r="F59" s="135"/>
    </row>
    <row r="60" spans="2:6" s="43" customFormat="1" ht="39.75" customHeight="1" x14ac:dyDescent="0.25">
      <c r="B60" s="91" t="s">
        <v>104</v>
      </c>
      <c r="C60" s="92" t="s">
        <v>128</v>
      </c>
      <c r="D60" s="42"/>
      <c r="E60" s="134"/>
      <c r="F60" s="135"/>
    </row>
    <row r="61" spans="2:6" s="43" customFormat="1" ht="30" customHeight="1" x14ac:dyDescent="0.25">
      <c r="B61" s="89" t="s">
        <v>105</v>
      </c>
      <c r="C61" s="90" t="s">
        <v>129</v>
      </c>
      <c r="D61" s="42"/>
      <c r="E61" s="134"/>
      <c r="F61" s="135"/>
    </row>
    <row r="62" spans="2:6" s="43" customFormat="1" ht="49.5" customHeight="1" x14ac:dyDescent="0.25">
      <c r="B62" s="91" t="s">
        <v>106</v>
      </c>
      <c r="C62" s="90" t="s">
        <v>130</v>
      </c>
      <c r="D62" s="42"/>
      <c r="E62" s="134"/>
      <c r="F62" s="135"/>
    </row>
    <row r="63" spans="2:6" s="43" customFormat="1" ht="30" customHeight="1" x14ac:dyDescent="0.25">
      <c r="B63" s="91" t="s">
        <v>107</v>
      </c>
      <c r="C63" s="90" t="s">
        <v>131</v>
      </c>
      <c r="D63" s="42"/>
      <c r="E63" s="134"/>
      <c r="F63" s="135"/>
    </row>
    <row r="64" spans="2:6" s="43" customFormat="1" ht="27.75" customHeight="1" x14ac:dyDescent="0.25">
      <c r="B64" s="91" t="s">
        <v>108</v>
      </c>
      <c r="C64" s="90" t="s">
        <v>132</v>
      </c>
      <c r="D64" s="42"/>
      <c r="E64" s="134"/>
      <c r="F64" s="135"/>
    </row>
    <row r="65" spans="2:6" s="43" customFormat="1" ht="32.25" customHeight="1" x14ac:dyDescent="0.25">
      <c r="B65" s="93" t="s">
        <v>109</v>
      </c>
      <c r="C65" s="90" t="s">
        <v>133</v>
      </c>
      <c r="D65" s="42"/>
      <c r="E65" s="134"/>
      <c r="F65" s="135"/>
    </row>
    <row r="66" spans="2:6" s="41" customFormat="1" ht="30.75" customHeight="1" x14ac:dyDescent="0.25">
      <c r="B66" s="165" t="s">
        <v>96</v>
      </c>
      <c r="C66" s="166"/>
      <c r="D66" s="166"/>
      <c r="E66" s="166"/>
      <c r="F66" s="167"/>
    </row>
    <row r="67" spans="2:6" s="43" customFormat="1" ht="36" customHeight="1" x14ac:dyDescent="0.25">
      <c r="B67" s="75" t="s">
        <v>15</v>
      </c>
      <c r="C67" s="90" t="s">
        <v>71</v>
      </c>
      <c r="D67" s="44"/>
      <c r="E67" s="140"/>
      <c r="F67" s="141"/>
    </row>
    <row r="68" spans="2:6" s="43" customFormat="1" ht="38.25" customHeight="1" x14ac:dyDescent="0.25">
      <c r="B68" s="75" t="s">
        <v>50</v>
      </c>
      <c r="C68" s="90" t="s">
        <v>72</v>
      </c>
      <c r="D68" s="44"/>
      <c r="E68" s="140"/>
      <c r="F68" s="141"/>
    </row>
    <row r="69" spans="2:6" s="43" customFormat="1" ht="34.5" customHeight="1" x14ac:dyDescent="0.25">
      <c r="B69" s="75" t="s">
        <v>51</v>
      </c>
      <c r="C69" s="90" t="s">
        <v>73</v>
      </c>
      <c r="D69" s="44"/>
      <c r="E69" s="140"/>
      <c r="F69" s="141"/>
    </row>
    <row r="70" spans="2:6" s="43" customFormat="1" ht="38.25" customHeight="1" x14ac:dyDescent="0.25">
      <c r="B70" s="75" t="s">
        <v>52</v>
      </c>
      <c r="C70" s="90" t="s">
        <v>74</v>
      </c>
      <c r="D70" s="44"/>
      <c r="E70" s="140"/>
      <c r="F70" s="141"/>
    </row>
    <row r="71" spans="2:6" s="43" customFormat="1" ht="32.25" customHeight="1" x14ac:dyDescent="0.25">
      <c r="B71" s="75" t="s">
        <v>58</v>
      </c>
      <c r="C71" s="90" t="s">
        <v>75</v>
      </c>
      <c r="D71" s="44"/>
      <c r="E71" s="140"/>
      <c r="F71" s="141"/>
    </row>
    <row r="72" spans="2:6" s="43" customFormat="1" ht="35.25" customHeight="1" x14ac:dyDescent="0.25">
      <c r="B72" s="75" t="s">
        <v>59</v>
      </c>
      <c r="C72" s="90" t="s">
        <v>76</v>
      </c>
      <c r="D72" s="44"/>
      <c r="E72" s="140"/>
      <c r="F72" s="141"/>
    </row>
    <row r="73" spans="2:6" s="43" customFormat="1" ht="27.75" customHeight="1" x14ac:dyDescent="0.25">
      <c r="B73" s="75" t="s">
        <v>60</v>
      </c>
      <c r="C73" s="90" t="s">
        <v>77</v>
      </c>
      <c r="D73" s="44"/>
      <c r="E73" s="140"/>
      <c r="F73" s="141"/>
    </row>
    <row r="74" spans="2:6" s="43" customFormat="1" ht="30.75" customHeight="1" x14ac:dyDescent="0.25">
      <c r="B74" s="75" t="s">
        <v>61</v>
      </c>
      <c r="C74" s="90" t="s">
        <v>78</v>
      </c>
      <c r="D74" s="44"/>
      <c r="E74" s="140"/>
      <c r="F74" s="141"/>
    </row>
    <row r="75" spans="2:6" s="43" customFormat="1" ht="36" customHeight="1" x14ac:dyDescent="0.25">
      <c r="B75" s="75" t="s">
        <v>62</v>
      </c>
      <c r="C75" s="90" t="s">
        <v>79</v>
      </c>
      <c r="D75" s="44"/>
      <c r="E75" s="140"/>
      <c r="F75" s="141"/>
    </row>
    <row r="76" spans="2:6" s="43" customFormat="1" ht="34.5" customHeight="1" x14ac:dyDescent="0.25">
      <c r="B76" s="75" t="s">
        <v>63</v>
      </c>
      <c r="C76" s="90" t="s">
        <v>80</v>
      </c>
      <c r="D76" s="44"/>
      <c r="E76" s="140"/>
      <c r="F76" s="141"/>
    </row>
    <row r="77" spans="2:6" s="43" customFormat="1" ht="34.5" customHeight="1" x14ac:dyDescent="0.25">
      <c r="B77" s="75" t="s">
        <v>64</v>
      </c>
      <c r="C77" s="90" t="s">
        <v>85</v>
      </c>
      <c r="D77" s="44"/>
      <c r="E77" s="138"/>
      <c r="F77" s="139"/>
    </row>
    <row r="78" spans="2:6" s="43" customFormat="1" ht="42" customHeight="1" thickBot="1" x14ac:dyDescent="0.3">
      <c r="B78" s="76" t="s">
        <v>86</v>
      </c>
      <c r="C78" s="94" t="s">
        <v>97</v>
      </c>
      <c r="D78" s="45"/>
      <c r="E78" s="163"/>
      <c r="F78" s="164"/>
    </row>
    <row r="79" spans="2:6" s="25" customFormat="1" ht="17.25" customHeight="1" x14ac:dyDescent="0.25">
      <c r="B79" s="46"/>
      <c r="C79" s="47"/>
      <c r="D79" s="48"/>
      <c r="E79" s="48"/>
      <c r="F79" s="49"/>
    </row>
    <row r="80" spans="2:6" s="16" customFormat="1" ht="20.100000000000001" customHeight="1" x14ac:dyDescent="0.25">
      <c r="B80" s="126" t="s">
        <v>42</v>
      </c>
      <c r="C80" s="126"/>
      <c r="D80" s="126"/>
      <c r="E80" s="126"/>
      <c r="F80" s="126"/>
    </row>
    <row r="81" spans="2:6" s="16" customFormat="1" ht="5.0999999999999996" customHeight="1" thickBot="1" x14ac:dyDescent="0.3">
      <c r="B81" s="27"/>
      <c r="D81" s="38"/>
      <c r="E81" s="38"/>
      <c r="F81" s="38"/>
    </row>
    <row r="82" spans="2:6" s="25" customFormat="1" ht="69" customHeight="1" x14ac:dyDescent="0.25">
      <c r="B82" s="127" t="s">
        <v>8</v>
      </c>
      <c r="C82" s="128"/>
      <c r="D82" s="131" t="s">
        <v>55</v>
      </c>
      <c r="E82" s="132"/>
      <c r="F82" s="133"/>
    </row>
    <row r="83" spans="2:6" s="25" customFormat="1" ht="30" customHeight="1" thickBot="1" x14ac:dyDescent="0.3">
      <c r="B83" s="191"/>
      <c r="C83" s="192"/>
      <c r="D83" s="40" t="s">
        <v>7</v>
      </c>
      <c r="E83" s="193" t="s">
        <v>28</v>
      </c>
      <c r="F83" s="194"/>
    </row>
    <row r="84" spans="2:6" s="16" customFormat="1" ht="27" customHeight="1" x14ac:dyDescent="0.25">
      <c r="B84" s="95" t="s">
        <v>15</v>
      </c>
      <c r="C84" s="96" t="s">
        <v>134</v>
      </c>
      <c r="D84" s="74"/>
      <c r="E84" s="142"/>
      <c r="F84" s="143"/>
    </row>
    <row r="85" spans="2:6" s="16" customFormat="1" ht="28.5" customHeight="1" x14ac:dyDescent="0.25">
      <c r="B85" s="70" t="s">
        <v>50</v>
      </c>
      <c r="C85" s="97" t="s">
        <v>135</v>
      </c>
      <c r="D85" s="42"/>
      <c r="E85" s="136"/>
      <c r="F85" s="137"/>
    </row>
    <row r="86" spans="2:6" s="16" customFormat="1" ht="30.75" customHeight="1" x14ac:dyDescent="0.25">
      <c r="B86" s="98" t="s">
        <v>200</v>
      </c>
      <c r="C86" s="99" t="s">
        <v>136</v>
      </c>
      <c r="D86" s="42"/>
      <c r="E86" s="136"/>
      <c r="F86" s="137"/>
    </row>
    <row r="87" spans="2:6" s="16" customFormat="1" ht="33.75" customHeight="1" x14ac:dyDescent="0.25">
      <c r="B87" s="100" t="s">
        <v>201</v>
      </c>
      <c r="C87" s="101" t="s">
        <v>137</v>
      </c>
      <c r="D87" s="42"/>
      <c r="E87" s="136"/>
      <c r="F87" s="137"/>
    </row>
    <row r="88" spans="2:6" s="16" customFormat="1" ht="60.75" customHeight="1" x14ac:dyDescent="0.25">
      <c r="B88" s="100" t="s">
        <v>202</v>
      </c>
      <c r="C88" s="101" t="s">
        <v>138</v>
      </c>
      <c r="D88" s="42"/>
      <c r="E88" s="136"/>
      <c r="F88" s="137"/>
    </row>
    <row r="89" spans="2:6" s="16" customFormat="1" ht="45.75" customHeight="1" x14ac:dyDescent="0.25">
      <c r="B89" s="100" t="s">
        <v>203</v>
      </c>
      <c r="C89" s="101" t="s">
        <v>139</v>
      </c>
      <c r="D89" s="42"/>
      <c r="E89" s="136"/>
      <c r="F89" s="137"/>
    </row>
    <row r="90" spans="2:6" s="16" customFormat="1" ht="138" customHeight="1" x14ac:dyDescent="0.25">
      <c r="B90" s="102" t="s">
        <v>204</v>
      </c>
      <c r="C90" s="103" t="s">
        <v>140</v>
      </c>
      <c r="D90" s="42"/>
      <c r="E90" s="136"/>
      <c r="F90" s="137"/>
    </row>
    <row r="91" spans="2:6" s="16" customFormat="1" ht="88.5" customHeight="1" x14ac:dyDescent="0.25">
      <c r="B91" s="64" t="s">
        <v>51</v>
      </c>
      <c r="C91" s="97" t="s">
        <v>141</v>
      </c>
      <c r="D91" s="42"/>
      <c r="E91" s="136"/>
      <c r="F91" s="137"/>
    </row>
    <row r="92" spans="2:6" s="16" customFormat="1" ht="87.75" customHeight="1" x14ac:dyDescent="0.25">
      <c r="B92" s="104" t="s">
        <v>52</v>
      </c>
      <c r="C92" s="97" t="s">
        <v>142</v>
      </c>
      <c r="D92" s="42"/>
      <c r="E92" s="136"/>
      <c r="F92" s="137"/>
    </row>
    <row r="93" spans="2:6" s="16" customFormat="1" ht="72" customHeight="1" x14ac:dyDescent="0.25">
      <c r="B93" s="69" t="s">
        <v>58</v>
      </c>
      <c r="C93" s="97" t="s">
        <v>143</v>
      </c>
      <c r="D93" s="42"/>
      <c r="E93" s="136"/>
      <c r="F93" s="137"/>
    </row>
    <row r="94" spans="2:6" s="16" customFormat="1" ht="78" customHeight="1" x14ac:dyDescent="0.25">
      <c r="B94" s="69" t="s">
        <v>59</v>
      </c>
      <c r="C94" s="97" t="s">
        <v>144</v>
      </c>
      <c r="D94" s="42"/>
      <c r="E94" s="136"/>
      <c r="F94" s="137"/>
    </row>
    <row r="95" spans="2:6" s="16" customFormat="1" ht="107.25" customHeight="1" x14ac:dyDescent="0.25">
      <c r="B95" s="69" t="s">
        <v>60</v>
      </c>
      <c r="C95" s="97" t="s">
        <v>145</v>
      </c>
      <c r="D95" s="42"/>
      <c r="E95" s="136"/>
      <c r="F95" s="137"/>
    </row>
    <row r="96" spans="2:6" s="16" customFormat="1" ht="101.25" customHeight="1" x14ac:dyDescent="0.25">
      <c r="B96" s="105" t="s">
        <v>61</v>
      </c>
      <c r="C96" s="106" t="s">
        <v>146</v>
      </c>
      <c r="D96" s="42"/>
      <c r="E96" s="136"/>
      <c r="F96" s="137"/>
    </row>
    <row r="97" spans="2:6" s="16" customFormat="1" ht="43.5" customHeight="1" x14ac:dyDescent="0.25">
      <c r="B97" s="107" t="s">
        <v>205</v>
      </c>
      <c r="C97" s="101" t="s">
        <v>147</v>
      </c>
      <c r="D97" s="42"/>
      <c r="E97" s="136"/>
      <c r="F97" s="137"/>
    </row>
    <row r="98" spans="2:6" s="16" customFormat="1" ht="50.25" customHeight="1" x14ac:dyDescent="0.25">
      <c r="B98" s="107" t="s">
        <v>206</v>
      </c>
      <c r="C98" s="101" t="s">
        <v>148</v>
      </c>
      <c r="D98" s="42"/>
      <c r="E98" s="136"/>
      <c r="F98" s="137"/>
    </row>
    <row r="99" spans="2:6" s="16" customFormat="1" ht="73.5" customHeight="1" x14ac:dyDescent="0.25">
      <c r="B99" s="107" t="s">
        <v>207</v>
      </c>
      <c r="C99" s="101" t="s">
        <v>149</v>
      </c>
      <c r="D99" s="42"/>
      <c r="E99" s="136"/>
      <c r="F99" s="137"/>
    </row>
    <row r="100" spans="2:6" s="16" customFormat="1" ht="49.5" customHeight="1" x14ac:dyDescent="0.25">
      <c r="B100" s="107" t="s">
        <v>208</v>
      </c>
      <c r="C100" s="101" t="s">
        <v>150</v>
      </c>
      <c r="D100" s="42"/>
      <c r="E100" s="136"/>
      <c r="F100" s="137"/>
    </row>
    <row r="101" spans="2:6" s="16" customFormat="1" ht="51" customHeight="1" x14ac:dyDescent="0.25">
      <c r="B101" s="107" t="s">
        <v>209</v>
      </c>
      <c r="C101" s="101" t="s">
        <v>151</v>
      </c>
      <c r="D101" s="42"/>
      <c r="E101" s="136"/>
      <c r="F101" s="137"/>
    </row>
    <row r="102" spans="2:6" s="16" customFormat="1" ht="74.25" customHeight="1" x14ac:dyDescent="0.25">
      <c r="B102" s="107" t="s">
        <v>210</v>
      </c>
      <c r="C102" s="101" t="s">
        <v>152</v>
      </c>
      <c r="D102" s="42"/>
      <c r="E102" s="136"/>
      <c r="F102" s="137"/>
    </row>
    <row r="103" spans="2:6" s="16" customFormat="1" ht="44.25" customHeight="1" x14ac:dyDescent="0.25">
      <c r="B103" s="107" t="s">
        <v>211</v>
      </c>
      <c r="C103" s="101" t="s">
        <v>153</v>
      </c>
      <c r="D103" s="42"/>
      <c r="E103" s="136"/>
      <c r="F103" s="137"/>
    </row>
    <row r="104" spans="2:6" s="16" customFormat="1" ht="36" customHeight="1" x14ac:dyDescent="0.25">
      <c r="B104" s="107" t="s">
        <v>212</v>
      </c>
      <c r="C104" s="101" t="s">
        <v>154</v>
      </c>
      <c r="D104" s="42"/>
      <c r="E104" s="136"/>
      <c r="F104" s="137"/>
    </row>
    <row r="105" spans="2:6" s="16" customFormat="1" ht="48" customHeight="1" x14ac:dyDescent="0.25">
      <c r="B105" s="107" t="s">
        <v>213</v>
      </c>
      <c r="C105" s="101" t="s">
        <v>155</v>
      </c>
      <c r="D105" s="42"/>
      <c r="E105" s="136"/>
      <c r="F105" s="137"/>
    </row>
    <row r="106" spans="2:6" s="16" customFormat="1" ht="67.5" customHeight="1" x14ac:dyDescent="0.25">
      <c r="B106" s="108" t="s">
        <v>214</v>
      </c>
      <c r="C106" s="109" t="s">
        <v>156</v>
      </c>
      <c r="D106" s="42"/>
      <c r="E106" s="136"/>
      <c r="F106" s="137"/>
    </row>
    <row r="107" spans="2:6" s="16" customFormat="1" ht="73.5" customHeight="1" x14ac:dyDescent="0.25">
      <c r="B107" s="110" t="s">
        <v>62</v>
      </c>
      <c r="C107" s="97" t="s">
        <v>157</v>
      </c>
      <c r="D107" s="42"/>
      <c r="E107" s="136"/>
      <c r="F107" s="137"/>
    </row>
    <row r="108" spans="2:6" s="16" customFormat="1" ht="86.25" customHeight="1" x14ac:dyDescent="0.25">
      <c r="B108" s="111" t="s">
        <v>215</v>
      </c>
      <c r="C108" s="97" t="s">
        <v>158</v>
      </c>
      <c r="D108" s="42"/>
      <c r="E108" s="136"/>
      <c r="F108" s="137"/>
    </row>
    <row r="109" spans="2:6" s="16" customFormat="1" ht="42.75" customHeight="1" x14ac:dyDescent="0.25">
      <c r="B109" s="105" t="s">
        <v>63</v>
      </c>
      <c r="C109" s="106" t="s">
        <v>159</v>
      </c>
      <c r="D109" s="42"/>
      <c r="E109" s="136"/>
      <c r="F109" s="137"/>
    </row>
    <row r="110" spans="2:6" s="16" customFormat="1" ht="38.25" customHeight="1" x14ac:dyDescent="0.25">
      <c r="B110" s="107" t="s">
        <v>216</v>
      </c>
      <c r="C110" s="112" t="s">
        <v>160</v>
      </c>
      <c r="D110" s="42"/>
      <c r="E110" s="136"/>
      <c r="F110" s="137"/>
    </row>
    <row r="111" spans="2:6" s="16" customFormat="1" ht="67.5" customHeight="1" x14ac:dyDescent="0.25">
      <c r="B111" s="108" t="s">
        <v>217</v>
      </c>
      <c r="C111" s="109" t="s">
        <v>161</v>
      </c>
      <c r="D111" s="42"/>
      <c r="E111" s="136"/>
      <c r="F111" s="137"/>
    </row>
    <row r="112" spans="2:6" s="16" customFormat="1" ht="81" customHeight="1" x14ac:dyDescent="0.25">
      <c r="B112" s="105" t="s">
        <v>64</v>
      </c>
      <c r="C112" s="106" t="s">
        <v>162</v>
      </c>
      <c r="D112" s="42"/>
      <c r="E112" s="136"/>
      <c r="F112" s="137"/>
    </row>
    <row r="113" spans="2:6" s="16" customFormat="1" ht="65.25" customHeight="1" x14ac:dyDescent="0.25">
      <c r="B113" s="107" t="s">
        <v>218</v>
      </c>
      <c r="C113" s="112" t="s">
        <v>163</v>
      </c>
      <c r="D113" s="42"/>
      <c r="E113" s="136"/>
      <c r="F113" s="137"/>
    </row>
    <row r="114" spans="2:6" s="16" customFormat="1" ht="57.75" customHeight="1" x14ac:dyDescent="0.25">
      <c r="B114" s="108" t="s">
        <v>219</v>
      </c>
      <c r="C114" s="109" t="s">
        <v>164</v>
      </c>
      <c r="D114" s="42"/>
      <c r="E114" s="136"/>
      <c r="F114" s="137"/>
    </row>
    <row r="115" spans="2:6" s="16" customFormat="1" ht="131.25" customHeight="1" x14ac:dyDescent="0.25">
      <c r="B115" s="69" t="s">
        <v>105</v>
      </c>
      <c r="C115" s="97" t="s">
        <v>165</v>
      </c>
      <c r="D115" s="42"/>
      <c r="E115" s="136"/>
      <c r="F115" s="137"/>
    </row>
    <row r="116" spans="2:6" s="16" customFormat="1" ht="77.25" customHeight="1" x14ac:dyDescent="0.25">
      <c r="B116" s="69" t="s">
        <v>109</v>
      </c>
      <c r="C116" s="97" t="s">
        <v>166</v>
      </c>
      <c r="D116" s="42"/>
      <c r="E116" s="136"/>
      <c r="F116" s="137"/>
    </row>
    <row r="117" spans="2:6" s="16" customFormat="1" ht="57.75" customHeight="1" x14ac:dyDescent="0.25">
      <c r="B117" s="69" t="s">
        <v>220</v>
      </c>
      <c r="C117" s="113" t="s">
        <v>167</v>
      </c>
      <c r="D117" s="42"/>
      <c r="E117" s="136"/>
      <c r="F117" s="137"/>
    </row>
    <row r="118" spans="2:6" s="16" customFormat="1" ht="84.75" customHeight="1" x14ac:dyDescent="0.25">
      <c r="B118" s="69" t="s">
        <v>221</v>
      </c>
      <c r="C118" s="113" t="s">
        <v>168</v>
      </c>
      <c r="D118" s="42"/>
      <c r="E118" s="136"/>
      <c r="F118" s="137"/>
    </row>
    <row r="119" spans="2:6" s="16" customFormat="1" ht="77.25" customHeight="1" x14ac:dyDescent="0.25">
      <c r="B119" s="69" t="s">
        <v>222</v>
      </c>
      <c r="C119" s="113" t="s">
        <v>169</v>
      </c>
      <c r="D119" s="42"/>
      <c r="E119" s="136"/>
      <c r="F119" s="137"/>
    </row>
    <row r="120" spans="2:6" s="16" customFormat="1" ht="42.75" customHeight="1" x14ac:dyDescent="0.25">
      <c r="B120" s="105" t="s">
        <v>223</v>
      </c>
      <c r="C120" s="99" t="s">
        <v>170</v>
      </c>
      <c r="D120" s="42"/>
      <c r="E120" s="136"/>
      <c r="F120" s="137"/>
    </row>
    <row r="121" spans="2:6" s="16" customFormat="1" ht="40.5" customHeight="1" x14ac:dyDescent="0.25">
      <c r="B121" s="107" t="s">
        <v>224</v>
      </c>
      <c r="C121" s="114" t="s">
        <v>171</v>
      </c>
      <c r="D121" s="42"/>
      <c r="E121" s="136"/>
      <c r="F121" s="137"/>
    </row>
    <row r="122" spans="2:6" s="16" customFormat="1" ht="72.75" customHeight="1" x14ac:dyDescent="0.25">
      <c r="B122" s="108" t="s">
        <v>225</v>
      </c>
      <c r="C122" s="115" t="s">
        <v>172</v>
      </c>
      <c r="D122" s="42"/>
      <c r="E122" s="136"/>
      <c r="F122" s="137"/>
    </row>
    <row r="123" spans="2:6" s="16" customFormat="1" ht="72.75" customHeight="1" x14ac:dyDescent="0.25">
      <c r="B123" s="116" t="s">
        <v>226</v>
      </c>
      <c r="C123" s="113" t="s">
        <v>173</v>
      </c>
      <c r="D123" s="42"/>
      <c r="E123" s="136"/>
      <c r="F123" s="137"/>
    </row>
    <row r="124" spans="2:6" s="16" customFormat="1" ht="65.25" customHeight="1" x14ac:dyDescent="0.25">
      <c r="B124" s="69" t="s">
        <v>227</v>
      </c>
      <c r="C124" s="113" t="s">
        <v>174</v>
      </c>
      <c r="D124" s="42"/>
      <c r="E124" s="136"/>
      <c r="F124" s="137"/>
    </row>
    <row r="125" spans="2:6" s="16" customFormat="1" ht="33.75" customHeight="1" x14ac:dyDescent="0.25">
      <c r="B125" s="69" t="s">
        <v>228</v>
      </c>
      <c r="C125" s="113" t="s">
        <v>175</v>
      </c>
      <c r="D125" s="42"/>
      <c r="E125" s="136"/>
      <c r="F125" s="137"/>
    </row>
    <row r="126" spans="2:6" s="16" customFormat="1" ht="51" customHeight="1" x14ac:dyDescent="0.25">
      <c r="B126" s="69" t="s">
        <v>229</v>
      </c>
      <c r="C126" s="113" t="s">
        <v>176</v>
      </c>
      <c r="D126" s="42"/>
      <c r="E126" s="136"/>
      <c r="F126" s="137"/>
    </row>
    <row r="127" spans="2:6" s="16" customFormat="1" ht="71.25" customHeight="1" x14ac:dyDescent="0.25">
      <c r="B127" s="69" t="s">
        <v>230</v>
      </c>
      <c r="C127" s="113" t="s">
        <v>177</v>
      </c>
      <c r="D127" s="42"/>
      <c r="E127" s="136"/>
      <c r="F127" s="137"/>
    </row>
    <row r="128" spans="2:6" s="16" customFormat="1" ht="91.5" customHeight="1" x14ac:dyDescent="0.25">
      <c r="B128" s="69" t="s">
        <v>231</v>
      </c>
      <c r="C128" s="113" t="s">
        <v>178</v>
      </c>
      <c r="D128" s="42"/>
      <c r="E128" s="136"/>
      <c r="F128" s="137"/>
    </row>
    <row r="129" spans="2:6" s="16" customFormat="1" ht="39" customHeight="1" x14ac:dyDescent="0.25">
      <c r="B129" s="69" t="s">
        <v>232</v>
      </c>
      <c r="C129" s="113" t="s">
        <v>179</v>
      </c>
      <c r="D129" s="42"/>
      <c r="E129" s="136"/>
      <c r="F129" s="137"/>
    </row>
    <row r="130" spans="2:6" s="16" customFormat="1" ht="48" customHeight="1" x14ac:dyDescent="0.25">
      <c r="B130" s="69" t="s">
        <v>233</v>
      </c>
      <c r="C130" s="113" t="s">
        <v>180</v>
      </c>
      <c r="D130" s="42"/>
      <c r="E130" s="136"/>
      <c r="F130" s="137"/>
    </row>
    <row r="131" spans="2:6" s="16" customFormat="1" ht="66" customHeight="1" x14ac:dyDescent="0.25">
      <c r="B131" s="64" t="s">
        <v>234</v>
      </c>
      <c r="C131" s="113" t="s">
        <v>181</v>
      </c>
      <c r="D131" s="42"/>
      <c r="E131" s="136"/>
      <c r="F131" s="137"/>
    </row>
    <row r="132" spans="2:6" s="16" customFormat="1" ht="28.5" customHeight="1" x14ac:dyDescent="0.25">
      <c r="B132" s="105" t="s">
        <v>235</v>
      </c>
      <c r="C132" s="99" t="s">
        <v>182</v>
      </c>
      <c r="D132" s="42"/>
      <c r="E132" s="136"/>
      <c r="F132" s="137"/>
    </row>
    <row r="133" spans="2:6" s="16" customFormat="1" ht="87" customHeight="1" x14ac:dyDescent="0.25">
      <c r="B133" s="107" t="s">
        <v>236</v>
      </c>
      <c r="C133" s="114" t="s">
        <v>183</v>
      </c>
      <c r="D133" s="42"/>
      <c r="E133" s="136"/>
      <c r="F133" s="137"/>
    </row>
    <row r="134" spans="2:6" s="16" customFormat="1" ht="60.75" customHeight="1" x14ac:dyDescent="0.25">
      <c r="B134" s="108" t="s">
        <v>237</v>
      </c>
      <c r="C134" s="115" t="s">
        <v>184</v>
      </c>
      <c r="D134" s="42"/>
      <c r="E134" s="136"/>
      <c r="F134" s="137"/>
    </row>
    <row r="135" spans="2:6" s="16" customFormat="1" ht="49.5" customHeight="1" x14ac:dyDescent="0.25">
      <c r="B135" s="69" t="s">
        <v>238</v>
      </c>
      <c r="C135" s="113" t="s">
        <v>185</v>
      </c>
      <c r="D135" s="42"/>
      <c r="E135" s="136"/>
      <c r="F135" s="137"/>
    </row>
    <row r="136" spans="2:6" s="16" customFormat="1" ht="54.75" customHeight="1" x14ac:dyDescent="0.25">
      <c r="B136" s="69" t="s">
        <v>239</v>
      </c>
      <c r="C136" s="113" t="s">
        <v>186</v>
      </c>
      <c r="D136" s="42"/>
      <c r="E136" s="136"/>
      <c r="F136" s="137"/>
    </row>
    <row r="137" spans="2:6" s="16" customFormat="1" ht="93" customHeight="1" x14ac:dyDescent="0.25">
      <c r="B137" s="69" t="s">
        <v>240</v>
      </c>
      <c r="C137" s="113" t="s">
        <v>187</v>
      </c>
      <c r="D137" s="42"/>
      <c r="E137" s="81"/>
      <c r="F137" s="82"/>
    </row>
    <row r="138" spans="2:6" s="16" customFormat="1" ht="111.75" customHeight="1" x14ac:dyDescent="0.25">
      <c r="B138" s="69" t="s">
        <v>241</v>
      </c>
      <c r="C138" s="113" t="s">
        <v>188</v>
      </c>
      <c r="D138" s="42"/>
      <c r="E138" s="136"/>
      <c r="F138" s="137"/>
    </row>
    <row r="139" spans="2:6" s="16" customFormat="1" ht="78" customHeight="1" x14ac:dyDescent="0.25">
      <c r="B139" s="69" t="s">
        <v>242</v>
      </c>
      <c r="C139" s="113" t="s">
        <v>189</v>
      </c>
      <c r="D139" s="42"/>
      <c r="E139" s="136"/>
      <c r="F139" s="137"/>
    </row>
    <row r="140" spans="2:6" s="16" customFormat="1" ht="90.75" customHeight="1" x14ac:dyDescent="0.25">
      <c r="B140" s="69" t="s">
        <v>243</v>
      </c>
      <c r="C140" s="113" t="s">
        <v>190</v>
      </c>
      <c r="D140" s="42"/>
      <c r="E140" s="136"/>
      <c r="F140" s="137"/>
    </row>
    <row r="141" spans="2:6" s="16" customFormat="1" ht="54" customHeight="1" x14ac:dyDescent="0.25">
      <c r="B141" s="69" t="s">
        <v>244</v>
      </c>
      <c r="C141" s="113" t="s">
        <v>191</v>
      </c>
      <c r="D141" s="42"/>
      <c r="E141" s="136"/>
      <c r="F141" s="137"/>
    </row>
    <row r="142" spans="2:6" s="16" customFormat="1" ht="125.25" customHeight="1" x14ac:dyDescent="0.25">
      <c r="B142" s="69" t="s">
        <v>245</v>
      </c>
      <c r="C142" s="113" t="s">
        <v>192</v>
      </c>
      <c r="D142" s="42"/>
      <c r="E142" s="136"/>
      <c r="F142" s="137"/>
    </row>
    <row r="143" spans="2:6" s="16" customFormat="1" ht="131.25" customHeight="1" x14ac:dyDescent="0.25">
      <c r="B143" s="69" t="s">
        <v>246</v>
      </c>
      <c r="C143" s="113" t="s">
        <v>193</v>
      </c>
      <c r="D143" s="42"/>
      <c r="E143" s="136"/>
      <c r="F143" s="137"/>
    </row>
    <row r="144" spans="2:6" s="16" customFormat="1" ht="111.75" customHeight="1" x14ac:dyDescent="0.25">
      <c r="B144" s="69" t="s">
        <v>247</v>
      </c>
      <c r="C144" s="113" t="s">
        <v>194</v>
      </c>
      <c r="D144" s="42"/>
      <c r="E144" s="136"/>
      <c r="F144" s="137"/>
    </row>
    <row r="145" spans="2:7" s="16" customFormat="1" ht="93" customHeight="1" x14ac:dyDescent="0.25">
      <c r="B145" s="69" t="s">
        <v>248</v>
      </c>
      <c r="C145" s="113" t="s">
        <v>195</v>
      </c>
      <c r="D145" s="42"/>
      <c r="E145" s="136"/>
      <c r="F145" s="137"/>
    </row>
    <row r="146" spans="2:7" s="16" customFormat="1" ht="207" customHeight="1" x14ac:dyDescent="0.25">
      <c r="B146" s="69" t="s">
        <v>249</v>
      </c>
      <c r="C146" s="113" t="s">
        <v>196</v>
      </c>
      <c r="D146" s="42"/>
      <c r="E146" s="136"/>
      <c r="F146" s="137"/>
    </row>
    <row r="147" spans="2:7" s="16" customFormat="1" ht="221.25" customHeight="1" x14ac:dyDescent="0.25">
      <c r="B147" s="69" t="s">
        <v>250</v>
      </c>
      <c r="C147" s="113" t="s">
        <v>197</v>
      </c>
      <c r="D147" s="42"/>
      <c r="E147" s="136"/>
      <c r="F147" s="137"/>
    </row>
    <row r="148" spans="2:7" s="16" customFormat="1" ht="127.5" customHeight="1" x14ac:dyDescent="0.25">
      <c r="B148" s="69" t="s">
        <v>251</v>
      </c>
      <c r="C148" s="113" t="s">
        <v>198</v>
      </c>
      <c r="D148" s="42"/>
      <c r="E148" s="136"/>
      <c r="F148" s="137"/>
    </row>
    <row r="149" spans="2:7" s="16" customFormat="1" ht="52.5" customHeight="1" thickBot="1" x14ac:dyDescent="0.3">
      <c r="B149" s="117" t="s">
        <v>252</v>
      </c>
      <c r="C149" s="118" t="s">
        <v>199</v>
      </c>
      <c r="D149" s="42"/>
      <c r="E149" s="136"/>
      <c r="F149" s="137"/>
    </row>
    <row r="150" spans="2:7" s="25" customFormat="1" ht="21" customHeight="1" x14ac:dyDescent="0.25">
      <c r="B150" s="47"/>
      <c r="C150" s="47"/>
      <c r="D150" s="48"/>
      <c r="E150" s="48"/>
      <c r="F150" s="49"/>
      <c r="G150" s="16"/>
    </row>
    <row r="151" spans="2:7" s="16" customFormat="1" ht="20.100000000000001" customHeight="1" x14ac:dyDescent="0.25">
      <c r="B151" s="126" t="s">
        <v>47</v>
      </c>
      <c r="C151" s="126"/>
      <c r="D151" s="126"/>
      <c r="E151" s="126"/>
      <c r="F151" s="126"/>
    </row>
    <row r="152" spans="2:7" s="16" customFormat="1" ht="4.5" customHeight="1" thickBot="1" x14ac:dyDescent="0.3"/>
    <row r="153" spans="2:7" s="16" customFormat="1" ht="80.25" customHeight="1" x14ac:dyDescent="0.25">
      <c r="B153" s="176" t="s">
        <v>253</v>
      </c>
      <c r="C153" s="177"/>
      <c r="D153" s="180" t="s">
        <v>48</v>
      </c>
      <c r="E153" s="181"/>
      <c r="F153" s="182"/>
    </row>
    <row r="154" spans="2:7" s="25" customFormat="1" ht="29.25" customHeight="1" thickBot="1" x14ac:dyDescent="0.3">
      <c r="B154" s="178"/>
      <c r="C154" s="179"/>
      <c r="D154" s="77" t="s">
        <v>7</v>
      </c>
      <c r="E154" s="183" t="s">
        <v>28</v>
      </c>
      <c r="F154" s="184"/>
      <c r="G154" s="16"/>
    </row>
    <row r="155" spans="2:7" s="25" customFormat="1" ht="133.5" customHeight="1" x14ac:dyDescent="0.25">
      <c r="B155" s="65" t="s">
        <v>15</v>
      </c>
      <c r="C155" s="68" t="s">
        <v>84</v>
      </c>
      <c r="D155" s="50"/>
      <c r="E155" s="173"/>
      <c r="F155" s="174"/>
      <c r="G155" s="16"/>
    </row>
    <row r="156" spans="2:7" s="25" customFormat="1" ht="31.5" customHeight="1" x14ac:dyDescent="0.25">
      <c r="B156" s="69" t="s">
        <v>50</v>
      </c>
      <c r="C156" s="66" t="s">
        <v>65</v>
      </c>
      <c r="D156" s="72"/>
      <c r="E156" s="169"/>
      <c r="F156" s="170"/>
      <c r="G156" s="16"/>
    </row>
    <row r="157" spans="2:7" s="25" customFormat="1" ht="31.5" customHeight="1" x14ac:dyDescent="0.25">
      <c r="B157" s="69" t="s">
        <v>51</v>
      </c>
      <c r="C157" s="66" t="s">
        <v>49</v>
      </c>
      <c r="D157" s="72"/>
      <c r="E157" s="169"/>
      <c r="F157" s="170"/>
      <c r="G157" s="16"/>
    </row>
    <row r="158" spans="2:7" s="25" customFormat="1" ht="43.5" customHeight="1" x14ac:dyDescent="0.25">
      <c r="B158" s="70" t="s">
        <v>52</v>
      </c>
      <c r="C158" s="71" t="s">
        <v>87</v>
      </c>
      <c r="D158" s="72"/>
      <c r="E158" s="169"/>
      <c r="F158" s="170"/>
      <c r="G158" s="16"/>
    </row>
    <row r="159" spans="2:7" s="25" customFormat="1" ht="88.5" customHeight="1" x14ac:dyDescent="0.25">
      <c r="B159" s="70" t="s">
        <v>58</v>
      </c>
      <c r="C159" s="73" t="s">
        <v>254</v>
      </c>
      <c r="D159" s="72"/>
      <c r="E159" s="169"/>
      <c r="F159" s="170"/>
      <c r="G159" s="16"/>
    </row>
    <row r="160" spans="2:7" s="25" customFormat="1" ht="33" customHeight="1" x14ac:dyDescent="0.25">
      <c r="B160" s="70" t="s">
        <v>59</v>
      </c>
      <c r="C160" s="66" t="s">
        <v>255</v>
      </c>
      <c r="D160" s="72"/>
      <c r="E160" s="169"/>
      <c r="F160" s="170"/>
      <c r="G160" s="16"/>
    </row>
    <row r="161" spans="2:7" s="25" customFormat="1" ht="38.25" customHeight="1" x14ac:dyDescent="0.25">
      <c r="B161" s="70" t="s">
        <v>60</v>
      </c>
      <c r="C161" s="119" t="s">
        <v>256</v>
      </c>
      <c r="D161" s="72"/>
      <c r="E161" s="169"/>
      <c r="F161" s="170"/>
      <c r="G161" s="16"/>
    </row>
    <row r="162" spans="2:7" s="25" customFormat="1" ht="81" customHeight="1" thickBot="1" x14ac:dyDescent="0.3">
      <c r="B162" s="67" t="s">
        <v>61</v>
      </c>
      <c r="C162" s="78" t="s">
        <v>98</v>
      </c>
      <c r="D162" s="51"/>
      <c r="E162" s="171"/>
      <c r="F162" s="172"/>
      <c r="G162" s="16"/>
    </row>
    <row r="163" spans="2:7" s="16" customFormat="1" ht="16.5" customHeight="1" x14ac:dyDescent="0.25">
      <c r="B163" s="47"/>
      <c r="C163" s="47"/>
      <c r="D163" s="48"/>
      <c r="E163" s="48"/>
      <c r="F163" s="49"/>
    </row>
    <row r="164" spans="2:7" s="16" customFormat="1" ht="20.100000000000001" customHeight="1" x14ac:dyDescent="0.25">
      <c r="B164" s="126" t="s">
        <v>14</v>
      </c>
      <c r="C164" s="126"/>
      <c r="D164" s="126"/>
      <c r="E164" s="126"/>
      <c r="F164" s="126"/>
    </row>
    <row r="165" spans="2:7" s="25" customFormat="1" ht="24.75" customHeight="1" x14ac:dyDescent="0.25">
      <c r="B165" s="47" t="s">
        <v>16</v>
      </c>
      <c r="C165" s="188" t="s">
        <v>66</v>
      </c>
      <c r="D165" s="188"/>
      <c r="E165" s="188"/>
      <c r="F165" s="188"/>
      <c r="G165" s="16"/>
    </row>
    <row r="166" spans="2:7" s="25" customFormat="1" ht="23.25" customHeight="1" x14ac:dyDescent="0.25">
      <c r="B166" s="47" t="s">
        <v>82</v>
      </c>
      <c r="C166" s="188" t="s">
        <v>83</v>
      </c>
      <c r="D166" s="188"/>
      <c r="E166" s="188"/>
      <c r="F166" s="188"/>
      <c r="G166" s="16"/>
    </row>
    <row r="167" spans="2:7" s="52" customFormat="1" ht="30" customHeight="1" x14ac:dyDescent="0.25">
      <c r="B167" s="189" t="s">
        <v>29</v>
      </c>
      <c r="C167" s="189"/>
      <c r="D167" s="189"/>
      <c r="E167" s="189"/>
      <c r="F167" s="25"/>
      <c r="G167" s="16"/>
    </row>
    <row r="168" spans="2:7" s="16" customFormat="1" ht="24.95" customHeight="1" x14ac:dyDescent="0.25">
      <c r="B168" s="53" t="s">
        <v>30</v>
      </c>
      <c r="C168" s="168"/>
      <c r="D168" s="168"/>
      <c r="F168" s="52"/>
    </row>
    <row r="169" spans="2:7" s="16" customFormat="1" ht="24.95" customHeight="1" x14ac:dyDescent="0.25">
      <c r="B169" s="53" t="s">
        <v>31</v>
      </c>
      <c r="C169" s="168"/>
      <c r="D169" s="168"/>
      <c r="F169" s="52"/>
    </row>
    <row r="170" spans="2:7" s="16" customFormat="1" ht="24.95" customHeight="1" x14ac:dyDescent="0.25">
      <c r="B170" s="53" t="s">
        <v>32</v>
      </c>
      <c r="C170" s="168"/>
      <c r="D170" s="168"/>
      <c r="F170" s="52"/>
    </row>
    <row r="171" spans="2:7" s="25" customFormat="1" ht="24.95" customHeight="1" x14ac:dyDescent="0.25">
      <c r="B171" s="53" t="s">
        <v>33</v>
      </c>
      <c r="C171" s="168"/>
      <c r="D171" s="168"/>
      <c r="E171" s="16"/>
      <c r="F171" s="54"/>
      <c r="G171" s="16"/>
    </row>
    <row r="172" spans="2:7" s="16" customFormat="1" ht="14.25" customHeight="1" x14ac:dyDescent="0.2">
      <c r="B172" s="55"/>
      <c r="C172" s="1"/>
      <c r="D172" s="1"/>
      <c r="F172" s="56"/>
    </row>
    <row r="173" spans="2:7" s="25" customFormat="1" ht="15" customHeight="1" x14ac:dyDescent="0.25">
      <c r="B173" s="190" t="s">
        <v>34</v>
      </c>
      <c r="C173" s="190"/>
      <c r="D173" s="190"/>
      <c r="E173" s="190"/>
      <c r="F173" s="190"/>
    </row>
    <row r="174" spans="2:7" s="16" customFormat="1" ht="36.75" customHeight="1" x14ac:dyDescent="0.25">
      <c r="B174" s="187" t="s">
        <v>81</v>
      </c>
      <c r="C174" s="187"/>
      <c r="D174" s="187"/>
      <c r="E174" s="187"/>
      <c r="F174" s="187"/>
    </row>
    <row r="175" spans="2:7" s="16" customFormat="1" ht="20.100000000000001" customHeight="1" x14ac:dyDescent="0.2">
      <c r="B175" s="11"/>
      <c r="C175" s="11"/>
      <c r="D175" s="26"/>
      <c r="E175" s="26"/>
    </row>
    <row r="176" spans="2:7" s="25" customFormat="1" ht="4.5" customHeight="1" x14ac:dyDescent="0.2">
      <c r="B176" s="11"/>
      <c r="C176" s="11"/>
      <c r="D176" s="26"/>
      <c r="E176" s="26"/>
      <c r="F176" s="16"/>
    </row>
    <row r="177" spans="1:15" s="25" customFormat="1" ht="20.100000000000001" customHeight="1" x14ac:dyDescent="0.25">
      <c r="B177" s="57" t="s">
        <v>35</v>
      </c>
      <c r="C177" s="58"/>
      <c r="D177" s="59" t="s">
        <v>36</v>
      </c>
      <c r="E177" s="185"/>
      <c r="F177" s="185"/>
    </row>
    <row r="178" spans="1:15" s="25" customFormat="1" ht="20.100000000000001" customHeight="1" x14ac:dyDescent="0.25">
      <c r="B178" s="60"/>
      <c r="C178" s="60"/>
      <c r="D178" s="60"/>
      <c r="E178" s="61"/>
      <c r="F178" s="61"/>
    </row>
    <row r="179" spans="1:15" ht="20.100000000000001" customHeight="1" x14ac:dyDescent="0.2">
      <c r="B179" s="57" t="s">
        <v>37</v>
      </c>
      <c r="C179" s="58"/>
      <c r="D179" s="62" t="s">
        <v>38</v>
      </c>
      <c r="E179" s="186"/>
      <c r="F179" s="186"/>
    </row>
    <row r="180" spans="1:15" s="16" customFormat="1" ht="20.100000000000001" customHeight="1" x14ac:dyDescent="0.2">
      <c r="B180" s="11"/>
      <c r="C180" s="11"/>
      <c r="D180" s="62" t="s">
        <v>39</v>
      </c>
      <c r="E180" s="168"/>
      <c r="F180" s="168"/>
    </row>
    <row r="181" spans="1:15" s="16" customFormat="1" ht="20.100000000000001" customHeight="1" x14ac:dyDescent="0.2">
      <c r="B181" s="11"/>
      <c r="C181" s="11"/>
      <c r="D181" s="63" t="s">
        <v>40</v>
      </c>
      <c r="E181" s="11"/>
    </row>
    <row r="182" spans="1:15" s="1" customFormat="1" ht="12" x14ac:dyDescent="0.2">
      <c r="A182" s="175" t="s">
        <v>56</v>
      </c>
      <c r="B182" s="175"/>
      <c r="D182" s="88"/>
      <c r="E182" s="88"/>
      <c r="F182" s="2"/>
      <c r="G182" s="2"/>
      <c r="H182" s="2"/>
      <c r="I182" s="2"/>
      <c r="J182" s="2"/>
      <c r="K182" s="2"/>
      <c r="L182" s="2"/>
      <c r="M182" s="3"/>
      <c r="O182" s="3"/>
    </row>
    <row r="183" spans="1:15" s="10" customFormat="1" ht="15" x14ac:dyDescent="0.25">
      <c r="A183" s="4"/>
      <c r="B183" s="5" t="s">
        <v>57</v>
      </c>
      <c r="C183" s="6"/>
      <c r="D183" s="7"/>
      <c r="E183" s="7"/>
      <c r="F183" s="8"/>
      <c r="G183" s="8"/>
      <c r="H183" s="8"/>
      <c r="I183" s="8"/>
      <c r="J183" s="8"/>
      <c r="K183" s="8"/>
      <c r="L183" s="8"/>
      <c r="M183" s="9"/>
      <c r="O183" s="9"/>
    </row>
    <row r="184" spans="1:15" s="16" customFormat="1" ht="24" customHeight="1" x14ac:dyDescent="0.25"/>
    <row r="185" spans="1:15" s="16" customFormat="1" ht="24" customHeight="1" x14ac:dyDescent="0.25"/>
    <row r="186" spans="1:15" s="16" customFormat="1" ht="24" customHeight="1" x14ac:dyDescent="0.25"/>
    <row r="187" spans="1:15" s="16" customFormat="1" ht="20.100000000000001" customHeight="1" x14ac:dyDescent="0.25"/>
    <row r="188" spans="1:15" s="16" customFormat="1" ht="20.100000000000001" customHeight="1" x14ac:dyDescent="0.25"/>
    <row r="189" spans="1:15" s="16" customFormat="1" ht="50.1" customHeight="1" x14ac:dyDescent="0.25"/>
    <row r="190" spans="1:15" s="16" customFormat="1" ht="43.5" customHeight="1" x14ac:dyDescent="0.25"/>
    <row r="191" spans="1:15" ht="24.75" customHeight="1" x14ac:dyDescent="0.2">
      <c r="B191" s="16"/>
      <c r="C191" s="16"/>
      <c r="D191" s="16"/>
      <c r="E191" s="16"/>
    </row>
    <row r="192" spans="1:15" x14ac:dyDescent="0.2">
      <c r="B192" s="16"/>
      <c r="C192" s="16"/>
      <c r="D192" s="16"/>
      <c r="E192" s="16"/>
    </row>
    <row r="193" ht="20.100000000000001" customHeight="1" x14ac:dyDescent="0.2"/>
    <row r="194" ht="4.5" customHeight="1" x14ac:dyDescent="0.2"/>
    <row r="195" ht="20.100000000000001" customHeight="1" x14ac:dyDescent="0.2"/>
    <row r="196" ht="20.100000000000001" customHeight="1" x14ac:dyDescent="0.2"/>
    <row r="197" ht="20.100000000000001" customHeight="1" x14ac:dyDescent="0.2"/>
  </sheetData>
  <sheetProtection algorithmName="SHA-512" hashValue="i9faHXoOdMfAvvhO42Rto9nrckoKQaSM7gsy2GDhW46z9z0eF+mqCcn4I0cYNOm4eYB4uJ6UWZC7VpnHaZrPtg==" saltValue="7KfxVUplq9TLpd0P465okA==" spinCount="100000" sheet="1" formatCells="0" formatColumns="0" formatRows="0" insertColumns="0" insertRows="0" insertHyperlinks="0" deleteColumns="0" deleteRows="0" selectLockedCells="1" sort="0" autoFilter="0" pivotTables="0"/>
  <mergeCells count="161">
    <mergeCell ref="E143:F143"/>
    <mergeCell ref="E50:F50"/>
    <mergeCell ref="E89:F89"/>
    <mergeCell ref="E133:F133"/>
    <mergeCell ref="E134:F134"/>
    <mergeCell ref="E135:F135"/>
    <mergeCell ref="E136:F136"/>
    <mergeCell ref="E138:F138"/>
    <mergeCell ref="E51:F51"/>
    <mergeCell ref="E52:F52"/>
    <mergeCell ref="E53:F53"/>
    <mergeCell ref="E54:F54"/>
    <mergeCell ref="E55:F55"/>
    <mergeCell ref="E56:F56"/>
    <mergeCell ref="E128:F128"/>
    <mergeCell ref="E129:F129"/>
    <mergeCell ref="E130:F130"/>
    <mergeCell ref="E117:F117"/>
    <mergeCell ref="E93:F93"/>
    <mergeCell ref="B80:F80"/>
    <mergeCell ref="B82:C83"/>
    <mergeCell ref="D82:F82"/>
    <mergeCell ref="E83:F83"/>
    <mergeCell ref="E67:F67"/>
    <mergeCell ref="E105:F105"/>
    <mergeCell ref="E106:F106"/>
    <mergeCell ref="E107:F107"/>
    <mergeCell ref="E103:F103"/>
    <mergeCell ref="E108:F108"/>
    <mergeCell ref="E109:F109"/>
    <mergeCell ref="E110:F110"/>
    <mergeCell ref="E118:F118"/>
    <mergeCell ref="E113:F113"/>
    <mergeCell ref="E116:F116"/>
    <mergeCell ref="E147:F147"/>
    <mergeCell ref="E148:F148"/>
    <mergeCell ref="E149:F149"/>
    <mergeCell ref="E127:F127"/>
    <mergeCell ref="A182:B182"/>
    <mergeCell ref="B151:F151"/>
    <mergeCell ref="B153:C154"/>
    <mergeCell ref="D153:F153"/>
    <mergeCell ref="E154:F154"/>
    <mergeCell ref="E177:F177"/>
    <mergeCell ref="E179:F179"/>
    <mergeCell ref="E180:F180"/>
    <mergeCell ref="B174:F174"/>
    <mergeCell ref="B164:F164"/>
    <mergeCell ref="C165:F165"/>
    <mergeCell ref="B167:E167"/>
    <mergeCell ref="B173:F173"/>
    <mergeCell ref="C168:D168"/>
    <mergeCell ref="C169:D169"/>
    <mergeCell ref="C170:D170"/>
    <mergeCell ref="C166:F166"/>
    <mergeCell ref="E141:F141"/>
    <mergeCell ref="E142:F142"/>
    <mergeCell ref="E156:F156"/>
    <mergeCell ref="C171:D171"/>
    <mergeCell ref="E157:F157"/>
    <mergeCell ref="E159:F159"/>
    <mergeCell ref="E160:F160"/>
    <mergeCell ref="E161:F161"/>
    <mergeCell ref="E162:F162"/>
    <mergeCell ref="E158:F158"/>
    <mergeCell ref="E155:F155"/>
    <mergeCell ref="E86:F86"/>
    <mergeCell ref="E87:F87"/>
    <mergeCell ref="E88:F88"/>
    <mergeCell ref="E121:F121"/>
    <mergeCell ref="E139:F139"/>
    <mergeCell ref="E140:F140"/>
    <mergeCell ref="E122:F122"/>
    <mergeCell ref="E123:F123"/>
    <mergeCell ref="E124:F124"/>
    <mergeCell ref="E125:F125"/>
    <mergeCell ref="E126:F126"/>
    <mergeCell ref="E131:F131"/>
    <mergeCell ref="E132:F132"/>
    <mergeCell ref="E144:F144"/>
    <mergeCell ref="E145:F145"/>
    <mergeCell ref="E146:F146"/>
    <mergeCell ref="E69:F69"/>
    <mergeCell ref="E63:F63"/>
    <mergeCell ref="E68:F68"/>
    <mergeCell ref="E78:F78"/>
    <mergeCell ref="E76:F76"/>
    <mergeCell ref="E75:F75"/>
    <mergeCell ref="E74:F74"/>
    <mergeCell ref="E73:F73"/>
    <mergeCell ref="E72:F72"/>
    <mergeCell ref="B66:F66"/>
    <mergeCell ref="E64:F64"/>
    <mergeCell ref="E65:F65"/>
    <mergeCell ref="B2:F2"/>
    <mergeCell ref="B1:F1"/>
    <mergeCell ref="B25:C25"/>
    <mergeCell ref="B28:C28"/>
    <mergeCell ref="B18:D18"/>
    <mergeCell ref="B19:D19"/>
    <mergeCell ref="B20:F20"/>
    <mergeCell ref="B3:F3"/>
    <mergeCell ref="B7:F7"/>
    <mergeCell ref="B8:F8"/>
    <mergeCell ref="B9:F9"/>
    <mergeCell ref="B11:F11"/>
    <mergeCell ref="B14:C14"/>
    <mergeCell ref="B15:D15"/>
    <mergeCell ref="B21:F21"/>
    <mergeCell ref="B22:D22"/>
    <mergeCell ref="B23:F23"/>
    <mergeCell ref="B24:F24"/>
    <mergeCell ref="B12:C12"/>
    <mergeCell ref="B13:C13"/>
    <mergeCell ref="E119:F119"/>
    <mergeCell ref="E120:F120"/>
    <mergeCell ref="E77:F77"/>
    <mergeCell ref="E71:F71"/>
    <mergeCell ref="E84:F84"/>
    <mergeCell ref="E70:F70"/>
    <mergeCell ref="E101:F101"/>
    <mergeCell ref="E102:F102"/>
    <mergeCell ref="E97:F97"/>
    <mergeCell ref="E98:F98"/>
    <mergeCell ref="E99:F99"/>
    <mergeCell ref="E100:F100"/>
    <mergeCell ref="E114:F114"/>
    <mergeCell ref="E115:F115"/>
    <mergeCell ref="E112:F112"/>
    <mergeCell ref="E111:F111"/>
    <mergeCell ref="E104:F104"/>
    <mergeCell ref="E85:F85"/>
    <mergeCell ref="E94:F94"/>
    <mergeCell ref="E95:F95"/>
    <mergeCell ref="E96:F96"/>
    <mergeCell ref="E90:F90"/>
    <mergeCell ref="E91:F91"/>
    <mergeCell ref="E92:F92"/>
    <mergeCell ref="E61:F61"/>
    <mergeCell ref="E62:F62"/>
    <mergeCell ref="E43:F43"/>
    <mergeCell ref="E44:F44"/>
    <mergeCell ref="E45:F45"/>
    <mergeCell ref="E46:F46"/>
    <mergeCell ref="E47:F47"/>
    <mergeCell ref="E48:F48"/>
    <mergeCell ref="E49:F49"/>
    <mergeCell ref="E57:F57"/>
    <mergeCell ref="C30:D30"/>
    <mergeCell ref="C29:D29"/>
    <mergeCell ref="C31:D31"/>
    <mergeCell ref="B37:F37"/>
    <mergeCell ref="B39:C40"/>
    <mergeCell ref="D39:F39"/>
    <mergeCell ref="E58:F58"/>
    <mergeCell ref="E59:F59"/>
    <mergeCell ref="E60:F60"/>
    <mergeCell ref="E40:F40"/>
    <mergeCell ref="B33:C33"/>
    <mergeCell ref="B41:F41"/>
    <mergeCell ref="E42:F42"/>
  </mergeCells>
  <conditionalFormatting sqref="D84:D88 D113:D149 D91">
    <cfRule type="containsBlanks" dxfId="49" priority="269">
      <formula>LEN(TRIM(D84))=0</formula>
    </cfRule>
  </conditionalFormatting>
  <conditionalFormatting sqref="E179:F179">
    <cfRule type="containsBlanks" dxfId="48" priority="268">
      <formula>LEN(TRIM(E179))=0</formula>
    </cfRule>
  </conditionalFormatting>
  <conditionalFormatting sqref="C177">
    <cfRule type="containsBlanks" dxfId="47" priority="266">
      <formula>LEN(TRIM(C177))=0</formula>
    </cfRule>
  </conditionalFormatting>
  <conditionalFormatting sqref="E180:F180">
    <cfRule type="containsBlanks" dxfId="46" priority="267">
      <formula>LEN(TRIM(E180))=0</formula>
    </cfRule>
  </conditionalFormatting>
  <conditionalFormatting sqref="C179">
    <cfRule type="containsBlanks" dxfId="45" priority="265">
      <formula>LEN(TRIM(C179))=0</formula>
    </cfRule>
  </conditionalFormatting>
  <conditionalFormatting sqref="C4:C5">
    <cfRule type="containsBlanks" dxfId="44" priority="264">
      <formula>LEN(TRIM(C4))=0</formula>
    </cfRule>
  </conditionalFormatting>
  <conditionalFormatting sqref="D155">
    <cfRule type="containsBlanks" dxfId="43" priority="258">
      <formula>LEN(TRIM(D155))=0</formula>
    </cfRule>
  </conditionalFormatting>
  <conditionalFormatting sqref="C170:D170">
    <cfRule type="containsBlanks" dxfId="42" priority="254">
      <formula>LEN(TRIM(C170))=0</formula>
    </cfRule>
  </conditionalFormatting>
  <conditionalFormatting sqref="C169:D169">
    <cfRule type="containsBlanks" dxfId="41" priority="205">
      <formula>LEN(TRIM(C169))=0</formula>
    </cfRule>
  </conditionalFormatting>
  <conditionalFormatting sqref="C168:D168">
    <cfRule type="containsBlanks" dxfId="40" priority="204">
      <formula>LEN(TRIM(C168))=0</formula>
    </cfRule>
  </conditionalFormatting>
  <conditionalFormatting sqref="C171:D171">
    <cfRule type="containsBlanks" dxfId="39" priority="203">
      <formula>LEN(TRIM(C171))=0</formula>
    </cfRule>
  </conditionalFormatting>
  <conditionalFormatting sqref="D89:D90">
    <cfRule type="containsBlanks" dxfId="38" priority="183">
      <formula>LEN(TRIM(D89))=0</formula>
    </cfRule>
  </conditionalFormatting>
  <conditionalFormatting sqref="D103:D106">
    <cfRule type="containsBlanks" dxfId="37" priority="182">
      <formula>LEN(TRIM(D103))=0</formula>
    </cfRule>
  </conditionalFormatting>
  <conditionalFormatting sqref="D112">
    <cfRule type="containsBlanks" dxfId="36" priority="181">
      <formula>LEN(TRIM(D112))=0</formula>
    </cfRule>
  </conditionalFormatting>
  <conditionalFormatting sqref="D107:D111">
    <cfRule type="containsBlanks" dxfId="35" priority="180">
      <formula>LEN(TRIM(D107))=0</formula>
    </cfRule>
  </conditionalFormatting>
  <conditionalFormatting sqref="D156:D157">
    <cfRule type="containsBlanks" dxfId="34" priority="179">
      <formula>LEN(TRIM(D156))=0</formula>
    </cfRule>
  </conditionalFormatting>
  <conditionalFormatting sqref="D158:D160">
    <cfRule type="containsBlanks" dxfId="33" priority="178">
      <formula>LEN(TRIM(D158))=0</formula>
    </cfRule>
  </conditionalFormatting>
  <conditionalFormatting sqref="D98:D101">
    <cfRule type="containsBlanks" dxfId="32" priority="168">
      <formula>LEN(TRIM(D98))=0</formula>
    </cfRule>
  </conditionalFormatting>
  <conditionalFormatting sqref="D97">
    <cfRule type="containsBlanks" dxfId="31" priority="167">
      <formula>LEN(TRIM(D97))=0</formula>
    </cfRule>
  </conditionalFormatting>
  <conditionalFormatting sqref="D92:D96">
    <cfRule type="containsBlanks" dxfId="30" priority="166">
      <formula>LEN(TRIM(D92))=0</formula>
    </cfRule>
  </conditionalFormatting>
  <conditionalFormatting sqref="D102">
    <cfRule type="containsBlanks" dxfId="29" priority="165">
      <formula>LEN(TRIM(D102))=0</formula>
    </cfRule>
  </conditionalFormatting>
  <conditionalFormatting sqref="D67">
    <cfRule type="containsBlanks" dxfId="28" priority="164">
      <formula>LEN(TRIM(D67))=0</formula>
    </cfRule>
  </conditionalFormatting>
  <conditionalFormatting sqref="D68">
    <cfRule type="containsBlanks" dxfId="27" priority="163">
      <formula>LEN(TRIM(D68))=0</formula>
    </cfRule>
  </conditionalFormatting>
  <conditionalFormatting sqref="D69">
    <cfRule type="containsBlanks" dxfId="26" priority="162">
      <formula>LEN(TRIM(D69))=0</formula>
    </cfRule>
  </conditionalFormatting>
  <conditionalFormatting sqref="D70">
    <cfRule type="containsBlanks" dxfId="25" priority="161">
      <formula>LEN(TRIM(D70))=0</formula>
    </cfRule>
  </conditionalFormatting>
  <conditionalFormatting sqref="D71">
    <cfRule type="containsBlanks" dxfId="24" priority="160">
      <formula>LEN(TRIM(D71))=0</formula>
    </cfRule>
  </conditionalFormatting>
  <conditionalFormatting sqref="D72">
    <cfRule type="containsBlanks" dxfId="23" priority="159">
      <formula>LEN(TRIM(D72))=0</formula>
    </cfRule>
  </conditionalFormatting>
  <conditionalFormatting sqref="D73">
    <cfRule type="containsBlanks" dxfId="22" priority="158">
      <formula>LEN(TRIM(D73))=0</formula>
    </cfRule>
  </conditionalFormatting>
  <conditionalFormatting sqref="D74">
    <cfRule type="containsBlanks" dxfId="21" priority="157">
      <formula>LEN(TRIM(D74))=0</formula>
    </cfRule>
  </conditionalFormatting>
  <conditionalFormatting sqref="D75">
    <cfRule type="containsBlanks" dxfId="20" priority="156">
      <formula>LEN(TRIM(D75))=0</formula>
    </cfRule>
  </conditionalFormatting>
  <conditionalFormatting sqref="D76:D77">
    <cfRule type="containsBlanks" dxfId="19" priority="155">
      <formula>LEN(TRIM(D76))=0</formula>
    </cfRule>
  </conditionalFormatting>
  <conditionalFormatting sqref="D78">
    <cfRule type="containsBlanks" dxfId="18" priority="154">
      <formula>LEN(TRIM(D78))=0</formula>
    </cfRule>
  </conditionalFormatting>
  <conditionalFormatting sqref="D161">
    <cfRule type="containsBlanks" dxfId="17" priority="151">
      <formula>LEN(TRIM(D161))=0</formula>
    </cfRule>
  </conditionalFormatting>
  <conditionalFormatting sqref="D162">
    <cfRule type="containsBlanks" dxfId="16" priority="150">
      <formula>LEN(TRIM(D162))=0</formula>
    </cfRule>
  </conditionalFormatting>
  <conditionalFormatting sqref="D63">
    <cfRule type="containsBlanks" dxfId="15" priority="114">
      <formula>LEN(TRIM(D63))=0</formula>
    </cfRule>
  </conditionalFormatting>
  <conditionalFormatting sqref="D42">
    <cfRule type="containsBlanks" dxfId="14" priority="18">
      <formula>LEN(TRIM(D42))=0</formula>
    </cfRule>
  </conditionalFormatting>
  <conditionalFormatting sqref="D57:D58">
    <cfRule type="containsBlanks" dxfId="13" priority="17">
      <formula>LEN(TRIM(D57))=0</formula>
    </cfRule>
  </conditionalFormatting>
  <conditionalFormatting sqref="D59">
    <cfRule type="containsBlanks" dxfId="12" priority="16">
      <formula>LEN(TRIM(D59))=0</formula>
    </cfRule>
  </conditionalFormatting>
  <conditionalFormatting sqref="D60">
    <cfRule type="containsBlanks" dxfId="11" priority="15">
      <formula>LEN(TRIM(D60))=0</formula>
    </cfRule>
  </conditionalFormatting>
  <conditionalFormatting sqref="D61:D62">
    <cfRule type="containsBlanks" dxfId="10" priority="14">
      <formula>LEN(TRIM(D61))=0</formula>
    </cfRule>
  </conditionalFormatting>
  <conditionalFormatting sqref="D64:D65">
    <cfRule type="containsBlanks" dxfId="9" priority="13">
      <formula>LEN(TRIM(D64))=0</formula>
    </cfRule>
  </conditionalFormatting>
  <conditionalFormatting sqref="D51:D52">
    <cfRule type="containsBlanks" dxfId="8" priority="9">
      <formula>LEN(TRIM(D51))=0</formula>
    </cfRule>
  </conditionalFormatting>
  <conditionalFormatting sqref="D53">
    <cfRule type="containsBlanks" dxfId="7" priority="8">
      <formula>LEN(TRIM(D53))=0</formula>
    </cfRule>
  </conditionalFormatting>
  <conditionalFormatting sqref="D54">
    <cfRule type="containsBlanks" dxfId="6" priority="7">
      <formula>LEN(TRIM(D54))=0</formula>
    </cfRule>
  </conditionalFormatting>
  <conditionalFormatting sqref="D55:D56">
    <cfRule type="containsBlanks" dxfId="5" priority="6">
      <formula>LEN(TRIM(D55))=0</formula>
    </cfRule>
  </conditionalFormatting>
  <conditionalFormatting sqref="D49:D50">
    <cfRule type="containsBlanks" dxfId="4" priority="5">
      <formula>LEN(TRIM(D49))=0</formula>
    </cfRule>
  </conditionalFormatting>
  <conditionalFormatting sqref="D43:D44">
    <cfRule type="containsBlanks" dxfId="3" priority="4">
      <formula>LEN(TRIM(D43))=0</formula>
    </cfRule>
  </conditionalFormatting>
  <conditionalFormatting sqref="D45">
    <cfRule type="containsBlanks" dxfId="2" priority="3">
      <formula>LEN(TRIM(D45))=0</formula>
    </cfRule>
  </conditionalFormatting>
  <conditionalFormatting sqref="D46">
    <cfRule type="containsBlanks" dxfId="1" priority="2">
      <formula>LEN(TRIM(D46))=0</formula>
    </cfRule>
  </conditionalFormatting>
  <conditionalFormatting sqref="D47:D48">
    <cfRule type="containsBlanks" dxfId="0" priority="1">
      <formula>LEN(TRIM(D47))=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8T07:11:49Z</cp:lastPrinted>
  <dcterms:created xsi:type="dcterms:W3CDTF">2017-04-21T05:51:15Z</dcterms:created>
  <dcterms:modified xsi:type="dcterms:W3CDTF">2024-05-10T10:07:16Z</dcterms:modified>
</cp:coreProperties>
</file>